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tbl>
      <w:tblPr>
        <w:tblStyle w:val="TableGrid"/>
        <w:tblW w:w="0" w:type="auto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892"/>
        <w:gridCol w:w="2764"/>
        <w:gridCol w:w="2764"/>
        <w:gridCol w:w="2764"/>
        <w:gridCol w:w="2764"/>
      </w:tblGrid>
      <w:tr w:rsidR="006112EC" w14:paraId="031252F1" w14:textId="77777777" w:rsidTr="00D93D7A">
        <w:trPr>
          <w:cantSplit/>
          <w:tblHeader/>
        </w:trPr>
        <w:tc>
          <w:tcPr>
            <w:tcW w:w="2892" w:type="dxa"/>
          </w:tcPr>
          <w:p w14:paraId="3D99373B" w14:textId="77777777" w:rsidR="006112EC" w:rsidRPr="00E50274" w:rsidRDefault="006112EC" w:rsidP="006112EC">
            <w:pPr>
              <w:spacing w:before="120" w:after="120"/>
              <w:rPr>
                <w:b/>
              </w:rPr>
            </w:pPr>
            <w:r>
              <w:rPr>
                <w:b/>
              </w:rPr>
              <w:t>PARTNERS</w:t>
            </w:r>
          </w:p>
        </w:tc>
        <w:tc>
          <w:tcPr>
            <w:tcW w:w="2764" w:type="dxa"/>
          </w:tcPr>
          <w:p w14:paraId="39E8B15E" w14:textId="77777777" w:rsidR="006112EC" w:rsidRPr="00E50274" w:rsidRDefault="006112EC" w:rsidP="006112EC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2EE9424F" w14:textId="77777777" w:rsidR="006112EC" w:rsidRPr="00E50274" w:rsidRDefault="006112EC" w:rsidP="006112EC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45A19E66" w14:textId="77777777" w:rsidR="006112EC" w:rsidRPr="00E50274" w:rsidRDefault="006112EC" w:rsidP="006112EC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644696C1" w14:textId="77777777" w:rsidR="006112EC" w:rsidRPr="00E50274" w:rsidRDefault="006112EC" w:rsidP="006112EC">
            <w:pPr>
              <w:spacing w:before="120" w:after="120"/>
              <w:rPr>
                <w:b/>
              </w:rPr>
            </w:pPr>
          </w:p>
        </w:tc>
      </w:tr>
      <w:tr w:rsidR="009B7988" w14:paraId="2A503837" w14:textId="77777777" w:rsidTr="006112EC">
        <w:trPr>
          <w:cantSplit/>
          <w:tblHeader/>
        </w:trPr>
        <w:tc>
          <w:tcPr>
            <w:tcW w:w="2892" w:type="dxa"/>
          </w:tcPr>
          <w:p w14:paraId="71049F72" w14:textId="77777777" w:rsidR="009B7988" w:rsidRPr="00E50274" w:rsidRDefault="009B7988" w:rsidP="006112EC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NAME</w:t>
            </w:r>
          </w:p>
        </w:tc>
        <w:tc>
          <w:tcPr>
            <w:tcW w:w="2764" w:type="dxa"/>
          </w:tcPr>
          <w:p w14:paraId="5965C596" w14:textId="77777777" w:rsidR="009B7988" w:rsidRPr="00E50274" w:rsidRDefault="009B7988" w:rsidP="006112EC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POSITION</w:t>
            </w:r>
          </w:p>
        </w:tc>
        <w:tc>
          <w:tcPr>
            <w:tcW w:w="2764" w:type="dxa"/>
          </w:tcPr>
          <w:p w14:paraId="3059EEEC" w14:textId="77777777" w:rsidR="009B7988" w:rsidRPr="00E50274" w:rsidRDefault="009B7988" w:rsidP="006112EC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MEMBER STATUS</w:t>
            </w:r>
          </w:p>
        </w:tc>
        <w:tc>
          <w:tcPr>
            <w:tcW w:w="2764" w:type="dxa"/>
          </w:tcPr>
          <w:p w14:paraId="052FAF00" w14:textId="7FDA3DE4" w:rsidR="009B7988" w:rsidRPr="00E50274" w:rsidRDefault="004E7AAE" w:rsidP="006112EC">
            <w:pPr>
              <w:spacing w:before="120" w:after="120"/>
              <w:rPr>
                <w:b/>
              </w:rPr>
            </w:pPr>
            <w:r>
              <w:rPr>
                <w:b/>
              </w:rPr>
              <w:t>PRACTISING STATUS</w:t>
            </w:r>
          </w:p>
        </w:tc>
        <w:tc>
          <w:tcPr>
            <w:tcW w:w="2764" w:type="dxa"/>
          </w:tcPr>
          <w:p w14:paraId="11594F9F" w14:textId="77777777" w:rsidR="009B7988" w:rsidRPr="00E50274" w:rsidRDefault="009B7988" w:rsidP="006112EC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JURISDICTION</w:t>
            </w:r>
          </w:p>
        </w:tc>
      </w:tr>
      <w:tr w:rsidR="00B14750" w14:paraId="01C3237D" w14:textId="77777777" w:rsidTr="006112EC">
        <w:tc>
          <w:tcPr>
            <w:tcW w:w="2892" w:type="dxa"/>
          </w:tcPr>
          <w:p w14:paraId="0D568A7D" w14:textId="77777777" w:rsidR="00B14750" w:rsidRPr="004D408A" w:rsidRDefault="00B14750" w:rsidP="006112EC">
            <w:pPr>
              <w:spacing w:before="120" w:after="120"/>
            </w:pPr>
            <w:r w:rsidRPr="004D408A">
              <w:t>John Binns</w:t>
            </w:r>
          </w:p>
        </w:tc>
        <w:tc>
          <w:tcPr>
            <w:tcW w:w="2764" w:type="dxa"/>
          </w:tcPr>
          <w:p w14:paraId="4C0BA03F" w14:textId="77777777" w:rsidR="00B14750" w:rsidRPr="004D408A" w:rsidRDefault="000C455C" w:rsidP="006112EC">
            <w:pPr>
              <w:spacing w:before="120" w:after="120"/>
            </w:pPr>
            <w:r w:rsidRPr="004D408A">
              <w:t xml:space="preserve">Partner </w:t>
            </w:r>
          </w:p>
        </w:tc>
        <w:tc>
          <w:tcPr>
            <w:tcW w:w="2764" w:type="dxa"/>
          </w:tcPr>
          <w:p w14:paraId="750F6B9F" w14:textId="77777777" w:rsidR="00B14750" w:rsidRPr="004D408A" w:rsidRDefault="000C455C" w:rsidP="006112EC">
            <w:pPr>
              <w:spacing w:before="120" w:after="120"/>
            </w:pPr>
            <w:r w:rsidRPr="004D408A">
              <w:t>Member</w:t>
            </w:r>
          </w:p>
        </w:tc>
        <w:tc>
          <w:tcPr>
            <w:tcW w:w="2764" w:type="dxa"/>
          </w:tcPr>
          <w:p w14:paraId="6BA0B1B0" w14:textId="3BF02D52" w:rsidR="00B14750" w:rsidRPr="004D408A" w:rsidRDefault="000C455C" w:rsidP="006112EC">
            <w:pPr>
              <w:spacing w:before="120" w:after="120"/>
            </w:pPr>
            <w:r w:rsidRPr="004D408A">
              <w:t>Solicitor</w:t>
            </w:r>
          </w:p>
        </w:tc>
        <w:tc>
          <w:tcPr>
            <w:tcW w:w="2764" w:type="dxa"/>
          </w:tcPr>
          <w:p w14:paraId="0ECDA1C1" w14:textId="77777777" w:rsidR="00B14750" w:rsidRPr="004D408A" w:rsidRDefault="000C455C" w:rsidP="006112EC">
            <w:pPr>
              <w:spacing w:before="120" w:after="120"/>
            </w:pPr>
            <w:r w:rsidRPr="004D408A">
              <w:t>England &amp; Wales</w:t>
            </w:r>
          </w:p>
        </w:tc>
      </w:tr>
      <w:tr w:rsidR="009B7988" w14:paraId="3D87BF87" w14:textId="77777777" w:rsidTr="006112EC">
        <w:tc>
          <w:tcPr>
            <w:tcW w:w="2892" w:type="dxa"/>
          </w:tcPr>
          <w:p w14:paraId="363512A1" w14:textId="77777777" w:rsidR="009B7988" w:rsidRDefault="009B7988" w:rsidP="006112EC">
            <w:pPr>
              <w:spacing w:before="120" w:after="120"/>
            </w:pPr>
            <w:r>
              <w:t>Shaul Brazil</w:t>
            </w:r>
          </w:p>
        </w:tc>
        <w:tc>
          <w:tcPr>
            <w:tcW w:w="2764" w:type="dxa"/>
          </w:tcPr>
          <w:p w14:paraId="2D188861" w14:textId="77777777" w:rsidR="009B7988" w:rsidRDefault="009B7988" w:rsidP="006112EC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2134AC36" w14:textId="77777777" w:rsidR="009B7988" w:rsidRDefault="009B7988" w:rsidP="006112EC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7CBF4537" w14:textId="265F6C1C" w:rsidR="009B7988" w:rsidRDefault="004E7AAE" w:rsidP="006112EC">
            <w:pPr>
              <w:spacing w:before="120" w:after="120"/>
            </w:pPr>
            <w:r>
              <w:t xml:space="preserve">Employed </w:t>
            </w:r>
            <w:r w:rsidR="009B7988">
              <w:t>Barrister</w:t>
            </w:r>
            <w:r>
              <w:t xml:space="preserve"> (Manager of non-BSB Authorised Body)</w:t>
            </w:r>
          </w:p>
        </w:tc>
        <w:tc>
          <w:tcPr>
            <w:tcW w:w="2764" w:type="dxa"/>
          </w:tcPr>
          <w:p w14:paraId="50CF589F" w14:textId="77777777" w:rsidR="009B7988" w:rsidRDefault="009B7988" w:rsidP="006112EC">
            <w:pPr>
              <w:spacing w:before="120" w:after="120"/>
            </w:pPr>
            <w:r>
              <w:t>England &amp; Wales</w:t>
            </w:r>
          </w:p>
        </w:tc>
      </w:tr>
      <w:tr w:rsidR="009B7988" w14:paraId="7FAD09B9" w14:textId="77777777" w:rsidTr="006112EC">
        <w:tc>
          <w:tcPr>
            <w:tcW w:w="2892" w:type="dxa"/>
          </w:tcPr>
          <w:p w14:paraId="1BCB69DF" w14:textId="77777777" w:rsidR="009B7988" w:rsidRDefault="009B7988" w:rsidP="006112EC">
            <w:pPr>
              <w:spacing w:before="120" w:after="120"/>
            </w:pPr>
            <w:r>
              <w:t>Ian Burton</w:t>
            </w:r>
          </w:p>
        </w:tc>
        <w:tc>
          <w:tcPr>
            <w:tcW w:w="2764" w:type="dxa"/>
          </w:tcPr>
          <w:p w14:paraId="65A962F5" w14:textId="77777777" w:rsidR="009B7988" w:rsidRDefault="009B7988" w:rsidP="006112EC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2E462DC4" w14:textId="278A0814" w:rsidR="009B7988" w:rsidRDefault="004E7AAE" w:rsidP="006112EC">
            <w:pPr>
              <w:spacing w:before="120" w:after="120"/>
            </w:pPr>
            <w:r>
              <w:t>Non-m</w:t>
            </w:r>
            <w:r w:rsidR="009B7988">
              <w:t>ember</w:t>
            </w:r>
          </w:p>
        </w:tc>
        <w:tc>
          <w:tcPr>
            <w:tcW w:w="2764" w:type="dxa"/>
          </w:tcPr>
          <w:p w14:paraId="55568D19" w14:textId="77777777" w:rsidR="009B7988" w:rsidRDefault="009B7988" w:rsidP="006112E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746FCA33" w14:textId="77777777" w:rsidR="009B7988" w:rsidRDefault="009B7988" w:rsidP="006112EC">
            <w:pPr>
              <w:spacing w:before="120" w:after="120"/>
            </w:pPr>
            <w:r>
              <w:t>England &amp; Wales</w:t>
            </w:r>
          </w:p>
        </w:tc>
      </w:tr>
      <w:tr w:rsidR="00006046" w14:paraId="469CC0F6" w14:textId="77777777" w:rsidTr="006112EC">
        <w:tc>
          <w:tcPr>
            <w:tcW w:w="2892" w:type="dxa"/>
          </w:tcPr>
          <w:p w14:paraId="2C5B0082" w14:textId="77777777" w:rsidR="00006046" w:rsidRDefault="00006046" w:rsidP="006112EC">
            <w:pPr>
              <w:spacing w:before="120" w:after="120"/>
            </w:pPr>
            <w:r>
              <w:t>Shula de Jersey</w:t>
            </w:r>
          </w:p>
        </w:tc>
        <w:tc>
          <w:tcPr>
            <w:tcW w:w="2764" w:type="dxa"/>
          </w:tcPr>
          <w:p w14:paraId="3A2F5045" w14:textId="77777777" w:rsidR="00006046" w:rsidRDefault="00006046" w:rsidP="006112EC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44274720" w14:textId="77777777" w:rsidR="00006046" w:rsidRDefault="00F4261C" w:rsidP="006112EC">
            <w:pPr>
              <w:spacing w:before="120" w:after="120"/>
            </w:pPr>
            <w:r>
              <w:t>M</w:t>
            </w:r>
            <w:r w:rsidR="00006046">
              <w:t>ember</w:t>
            </w:r>
          </w:p>
        </w:tc>
        <w:tc>
          <w:tcPr>
            <w:tcW w:w="2764" w:type="dxa"/>
          </w:tcPr>
          <w:p w14:paraId="31E06B38" w14:textId="77777777" w:rsidR="00006046" w:rsidRDefault="00006046" w:rsidP="006112E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097E1FF5" w14:textId="77777777" w:rsidR="00006046" w:rsidRDefault="00006046" w:rsidP="006112EC">
            <w:pPr>
              <w:spacing w:before="120" w:after="120"/>
            </w:pPr>
            <w:r>
              <w:t>England &amp; Wales</w:t>
            </w:r>
          </w:p>
        </w:tc>
      </w:tr>
      <w:tr w:rsidR="00127B44" w14:paraId="2F8747C1" w14:textId="77777777" w:rsidTr="006112EC">
        <w:tc>
          <w:tcPr>
            <w:tcW w:w="2892" w:type="dxa"/>
          </w:tcPr>
          <w:p w14:paraId="28AFB4C1" w14:textId="6394F9CA" w:rsidR="00127B44" w:rsidRDefault="00127B44" w:rsidP="00127B44">
            <w:pPr>
              <w:spacing w:before="120" w:after="120"/>
            </w:pPr>
            <w:r>
              <w:t>David Hardstaff</w:t>
            </w:r>
          </w:p>
        </w:tc>
        <w:tc>
          <w:tcPr>
            <w:tcW w:w="2764" w:type="dxa"/>
          </w:tcPr>
          <w:p w14:paraId="77B60FB9" w14:textId="7BE6338B" w:rsidR="00127B44" w:rsidRDefault="00127B44" w:rsidP="00127B44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1E863494" w14:textId="397F600A" w:rsidR="00127B44" w:rsidRDefault="00127B44" w:rsidP="00127B44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1D9BDBB9" w14:textId="07CD0609" w:rsidR="00127B44" w:rsidRDefault="00127B44" w:rsidP="00127B44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7F490665" w14:textId="5F6D404A" w:rsidR="00127B44" w:rsidRDefault="00127B44" w:rsidP="00127B44">
            <w:pPr>
              <w:spacing w:before="120" w:after="120"/>
            </w:pPr>
            <w:r>
              <w:t>England &amp; Wales</w:t>
            </w:r>
          </w:p>
        </w:tc>
      </w:tr>
      <w:tr w:rsidR="00127B44" w14:paraId="1EF3B8BD" w14:textId="77777777" w:rsidTr="006112EC">
        <w:tc>
          <w:tcPr>
            <w:tcW w:w="2892" w:type="dxa"/>
          </w:tcPr>
          <w:p w14:paraId="400C3993" w14:textId="77777777" w:rsidR="00127B44" w:rsidRDefault="00127B44" w:rsidP="00127B44">
            <w:pPr>
              <w:spacing w:before="120" w:after="120"/>
            </w:pPr>
            <w:r>
              <w:t>Mark Haslam</w:t>
            </w:r>
          </w:p>
        </w:tc>
        <w:tc>
          <w:tcPr>
            <w:tcW w:w="2764" w:type="dxa"/>
          </w:tcPr>
          <w:p w14:paraId="3009927F" w14:textId="77777777" w:rsidR="00127B44" w:rsidRDefault="00127B44" w:rsidP="00127B44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7A45E0A9" w14:textId="77777777" w:rsidR="00127B44" w:rsidRDefault="00127B44" w:rsidP="00127B44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65C89B05" w14:textId="77777777" w:rsidR="00127B44" w:rsidRDefault="00127B44" w:rsidP="00127B44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5BEFF0BF" w14:textId="77777777" w:rsidR="00127B44" w:rsidRDefault="00127B44" w:rsidP="00127B44">
            <w:pPr>
              <w:spacing w:before="120" w:after="120"/>
            </w:pPr>
            <w:r>
              <w:t>England &amp; Wales</w:t>
            </w:r>
          </w:p>
        </w:tc>
      </w:tr>
      <w:tr w:rsidR="00127B44" w14:paraId="54070EF5" w14:textId="77777777" w:rsidTr="006112EC">
        <w:tc>
          <w:tcPr>
            <w:tcW w:w="2892" w:type="dxa"/>
          </w:tcPr>
          <w:p w14:paraId="0702ECFA" w14:textId="77777777" w:rsidR="00127B44" w:rsidRPr="004D408A" w:rsidRDefault="00127B44" w:rsidP="00127B44">
            <w:pPr>
              <w:spacing w:before="120" w:after="120"/>
            </w:pPr>
            <w:r w:rsidRPr="004D408A">
              <w:t>Julian Hayes</w:t>
            </w:r>
          </w:p>
        </w:tc>
        <w:tc>
          <w:tcPr>
            <w:tcW w:w="2764" w:type="dxa"/>
          </w:tcPr>
          <w:p w14:paraId="1649DCC8" w14:textId="77777777" w:rsidR="00127B44" w:rsidRPr="004D408A" w:rsidRDefault="00127B44" w:rsidP="00127B44">
            <w:pPr>
              <w:spacing w:before="120" w:after="120"/>
            </w:pPr>
            <w:r w:rsidRPr="004D408A">
              <w:t>Partner</w:t>
            </w:r>
          </w:p>
        </w:tc>
        <w:tc>
          <w:tcPr>
            <w:tcW w:w="2764" w:type="dxa"/>
          </w:tcPr>
          <w:p w14:paraId="2AA7B3B5" w14:textId="77777777" w:rsidR="00127B44" w:rsidRPr="004D408A" w:rsidRDefault="00127B44" w:rsidP="00127B44">
            <w:pPr>
              <w:spacing w:before="120" w:after="120"/>
            </w:pPr>
            <w:r w:rsidRPr="004D408A">
              <w:t>Member</w:t>
            </w:r>
          </w:p>
        </w:tc>
        <w:tc>
          <w:tcPr>
            <w:tcW w:w="2764" w:type="dxa"/>
          </w:tcPr>
          <w:p w14:paraId="7EA5F26E" w14:textId="77777777" w:rsidR="00127B44" w:rsidRPr="004D408A" w:rsidRDefault="00127B44" w:rsidP="00127B44">
            <w:pPr>
              <w:spacing w:before="120" w:after="120"/>
            </w:pPr>
            <w:r w:rsidRPr="004D408A">
              <w:t>Solicitor</w:t>
            </w:r>
          </w:p>
        </w:tc>
        <w:tc>
          <w:tcPr>
            <w:tcW w:w="2764" w:type="dxa"/>
          </w:tcPr>
          <w:p w14:paraId="3F525155" w14:textId="77777777" w:rsidR="00127B44" w:rsidRPr="004D408A" w:rsidRDefault="00127B44" w:rsidP="00127B44">
            <w:pPr>
              <w:spacing w:before="120" w:after="120"/>
            </w:pPr>
            <w:r w:rsidRPr="004D408A">
              <w:t>England &amp; Wales</w:t>
            </w:r>
          </w:p>
        </w:tc>
      </w:tr>
      <w:tr w:rsidR="00127B44" w14:paraId="4849556F" w14:textId="77777777" w:rsidTr="006112EC">
        <w:tc>
          <w:tcPr>
            <w:tcW w:w="2892" w:type="dxa"/>
          </w:tcPr>
          <w:p w14:paraId="0F0D523C" w14:textId="29A99540" w:rsidR="00127B44" w:rsidRDefault="00127B44" w:rsidP="00127B44">
            <w:pPr>
              <w:spacing w:before="120" w:after="120"/>
            </w:pPr>
            <w:r>
              <w:t>Daniel Jackson</w:t>
            </w:r>
          </w:p>
        </w:tc>
        <w:tc>
          <w:tcPr>
            <w:tcW w:w="2764" w:type="dxa"/>
          </w:tcPr>
          <w:p w14:paraId="0D187582" w14:textId="42D0650D" w:rsidR="00127B44" w:rsidRDefault="00127B44" w:rsidP="00127B44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7E60A80E" w14:textId="5CECA578" w:rsidR="00127B44" w:rsidRDefault="00127B44" w:rsidP="00127B44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5D1C2B41" w14:textId="48636E01" w:rsidR="00127B44" w:rsidRDefault="00127B44" w:rsidP="00127B44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1CB4345B" w14:textId="2980003F" w:rsidR="00127B44" w:rsidRDefault="00127B44" w:rsidP="00127B44">
            <w:pPr>
              <w:spacing w:before="120" w:after="120"/>
            </w:pPr>
            <w:r>
              <w:t>England &amp; Wales</w:t>
            </w:r>
          </w:p>
        </w:tc>
      </w:tr>
      <w:tr w:rsidR="00641922" w14:paraId="25A1D86C" w14:textId="77777777" w:rsidTr="000814F1">
        <w:tc>
          <w:tcPr>
            <w:tcW w:w="2892" w:type="dxa"/>
          </w:tcPr>
          <w:p w14:paraId="2BCB386F" w14:textId="2CAF59DD" w:rsidR="00641922" w:rsidRDefault="00641922" w:rsidP="00641922">
            <w:pPr>
              <w:spacing w:before="120" w:after="120"/>
            </w:pPr>
            <w:r>
              <w:t>Robert Lawrie</w:t>
            </w:r>
          </w:p>
        </w:tc>
        <w:tc>
          <w:tcPr>
            <w:tcW w:w="2764" w:type="dxa"/>
          </w:tcPr>
          <w:p w14:paraId="2E40CEC5" w14:textId="74C4C790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07492A3F" w14:textId="5ABD3B5E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1CE65BBA" w14:textId="6350774A" w:rsidR="00641922" w:rsidRDefault="00641922" w:rsidP="00641922">
            <w:pPr>
              <w:spacing w:before="120" w:after="120"/>
            </w:pPr>
            <w:r>
              <w:t>Employed Barrister (Manager of non-BSB Authorised Body)</w:t>
            </w:r>
          </w:p>
        </w:tc>
        <w:tc>
          <w:tcPr>
            <w:tcW w:w="2764" w:type="dxa"/>
          </w:tcPr>
          <w:p w14:paraId="4C59A1D2" w14:textId="20FD3E4E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2BD6C6E2" w14:textId="77777777" w:rsidTr="000814F1">
        <w:tc>
          <w:tcPr>
            <w:tcW w:w="2892" w:type="dxa"/>
          </w:tcPr>
          <w:p w14:paraId="53E7AFFA" w14:textId="77777777" w:rsidR="00641922" w:rsidRDefault="00641922" w:rsidP="00641922">
            <w:pPr>
              <w:spacing w:before="120" w:after="120"/>
            </w:pPr>
            <w:r>
              <w:t>Greg Mailer</w:t>
            </w:r>
          </w:p>
        </w:tc>
        <w:tc>
          <w:tcPr>
            <w:tcW w:w="2764" w:type="dxa"/>
          </w:tcPr>
          <w:p w14:paraId="7A56F5A4" w14:textId="0DC50AFC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751A7D06" w14:textId="47054CCF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143B577A" w14:textId="77777777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4397A662" w14:textId="77777777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6924146C" w14:textId="77777777" w:rsidTr="006112EC">
        <w:tc>
          <w:tcPr>
            <w:tcW w:w="2892" w:type="dxa"/>
          </w:tcPr>
          <w:p w14:paraId="1DB655E4" w14:textId="4015BC4F" w:rsidR="00641922" w:rsidRDefault="00641922" w:rsidP="00641922">
            <w:pPr>
              <w:spacing w:before="120" w:after="120"/>
            </w:pPr>
            <w:r>
              <w:t>Tom McNeill</w:t>
            </w:r>
          </w:p>
        </w:tc>
        <w:tc>
          <w:tcPr>
            <w:tcW w:w="2764" w:type="dxa"/>
          </w:tcPr>
          <w:p w14:paraId="7709BEED" w14:textId="4AE706E9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4BEE85A7" w14:textId="4F3A05BF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188A45BE" w14:textId="2234B299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0BA236FC" w14:textId="5AB46535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318B1FCD" w14:textId="77777777" w:rsidTr="006112EC">
        <w:tc>
          <w:tcPr>
            <w:tcW w:w="2892" w:type="dxa"/>
          </w:tcPr>
          <w:p w14:paraId="0845B9BC" w14:textId="77777777" w:rsidR="00641922" w:rsidRDefault="00641922" w:rsidP="00641922">
            <w:pPr>
              <w:spacing w:before="120" w:after="120"/>
            </w:pPr>
            <w:r>
              <w:t>Ellen Peart</w:t>
            </w:r>
          </w:p>
        </w:tc>
        <w:tc>
          <w:tcPr>
            <w:tcW w:w="2764" w:type="dxa"/>
          </w:tcPr>
          <w:p w14:paraId="75F31A8A" w14:textId="77777777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0A4E17A6" w14:textId="77777777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70EDE3FD" w14:textId="77777777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715052F3" w14:textId="77777777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7AFD3088" w14:textId="77777777" w:rsidTr="006112EC">
        <w:tc>
          <w:tcPr>
            <w:tcW w:w="2892" w:type="dxa"/>
          </w:tcPr>
          <w:p w14:paraId="414FC820" w14:textId="77777777" w:rsidR="00641922" w:rsidRDefault="00641922" w:rsidP="00641922">
            <w:pPr>
              <w:spacing w:before="120" w:after="120"/>
            </w:pPr>
            <w:r>
              <w:t>Richard Reichman</w:t>
            </w:r>
          </w:p>
        </w:tc>
        <w:tc>
          <w:tcPr>
            <w:tcW w:w="2764" w:type="dxa"/>
          </w:tcPr>
          <w:p w14:paraId="2CBD467F" w14:textId="77777777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74464BED" w14:textId="77777777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47DBC27A" w14:textId="77777777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54C09411" w14:textId="77777777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3F746750" w14:textId="77777777" w:rsidTr="006112EC">
        <w:tc>
          <w:tcPr>
            <w:tcW w:w="2892" w:type="dxa"/>
          </w:tcPr>
          <w:p w14:paraId="5E3BC1DF" w14:textId="77777777" w:rsidR="00641922" w:rsidRDefault="00641922" w:rsidP="00641922">
            <w:pPr>
              <w:spacing w:before="120" w:after="120"/>
            </w:pPr>
            <w:r>
              <w:lastRenderedPageBreak/>
              <w:t>Richard Sallybanks</w:t>
            </w:r>
          </w:p>
        </w:tc>
        <w:tc>
          <w:tcPr>
            <w:tcW w:w="2764" w:type="dxa"/>
          </w:tcPr>
          <w:p w14:paraId="35897A94" w14:textId="77777777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76304F30" w14:textId="77777777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365AD2F5" w14:textId="77777777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555BD7D8" w14:textId="77777777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5A4065E1" w14:textId="77777777" w:rsidTr="006112EC">
        <w:tc>
          <w:tcPr>
            <w:tcW w:w="2892" w:type="dxa"/>
          </w:tcPr>
          <w:p w14:paraId="0A1D4091" w14:textId="23141D0E" w:rsidR="00641922" w:rsidRDefault="00641922" w:rsidP="00641922">
            <w:pPr>
              <w:spacing w:before="120" w:after="120"/>
            </w:pPr>
            <w:r>
              <w:t>Oliver Schneider-Sikorsky</w:t>
            </w:r>
          </w:p>
        </w:tc>
        <w:tc>
          <w:tcPr>
            <w:tcW w:w="2764" w:type="dxa"/>
          </w:tcPr>
          <w:p w14:paraId="1F42A3AA" w14:textId="6A9739E6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5A8D71F2" w14:textId="66F69DC2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7F592BCC" w14:textId="3F6FA6C6" w:rsidR="00641922" w:rsidRDefault="00641922" w:rsidP="00641922">
            <w:pPr>
              <w:spacing w:before="120" w:after="120"/>
            </w:pPr>
            <w:r>
              <w:t>Employed Barrister (Manager of non-BSB Authorised Body)</w:t>
            </w:r>
          </w:p>
        </w:tc>
        <w:tc>
          <w:tcPr>
            <w:tcW w:w="2764" w:type="dxa"/>
          </w:tcPr>
          <w:p w14:paraId="1AF23DFA" w14:textId="2242F6D8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7C8EC432" w14:textId="77777777" w:rsidTr="006112EC">
        <w:tc>
          <w:tcPr>
            <w:tcW w:w="2892" w:type="dxa"/>
          </w:tcPr>
          <w:p w14:paraId="6FAC4CD7" w14:textId="77777777" w:rsidR="00641922" w:rsidRDefault="00641922" w:rsidP="00641922">
            <w:pPr>
              <w:spacing w:before="120" w:after="120"/>
            </w:pPr>
            <w:r>
              <w:t>Harry Travers</w:t>
            </w:r>
          </w:p>
        </w:tc>
        <w:tc>
          <w:tcPr>
            <w:tcW w:w="2764" w:type="dxa"/>
          </w:tcPr>
          <w:p w14:paraId="400CB9B5" w14:textId="77777777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433D3A48" w14:textId="77777777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1EF1BAB8" w14:textId="77777777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3A94E129" w14:textId="77777777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5C3E948D" w14:textId="77777777" w:rsidTr="006112EC">
        <w:tc>
          <w:tcPr>
            <w:tcW w:w="2892" w:type="dxa"/>
          </w:tcPr>
          <w:p w14:paraId="03ACD9C9" w14:textId="1E32C7D3" w:rsidR="00641922" w:rsidRDefault="00641922" w:rsidP="00641922">
            <w:pPr>
              <w:spacing w:before="120" w:after="120"/>
            </w:pPr>
            <w:r>
              <w:t>Anoushka Warlow</w:t>
            </w:r>
          </w:p>
        </w:tc>
        <w:tc>
          <w:tcPr>
            <w:tcW w:w="2764" w:type="dxa"/>
          </w:tcPr>
          <w:p w14:paraId="192BB044" w14:textId="386E99FC" w:rsidR="00641922" w:rsidRDefault="00641922" w:rsidP="00641922">
            <w:pPr>
              <w:spacing w:before="120" w:after="120"/>
            </w:pPr>
            <w:r>
              <w:t xml:space="preserve">Partner </w:t>
            </w:r>
          </w:p>
        </w:tc>
        <w:tc>
          <w:tcPr>
            <w:tcW w:w="2764" w:type="dxa"/>
          </w:tcPr>
          <w:p w14:paraId="3C15D5AE" w14:textId="093550F7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2CB337CC" w14:textId="483ACE8E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727060CD" w14:textId="13130AC2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</w:tbl>
    <w:p w14:paraId="0C09BE5C" w14:textId="07D2FF79" w:rsidR="00945AA6" w:rsidRDefault="00945AA6" w:rsidP="006112EC"/>
    <w:p w14:paraId="449F6B8C" w14:textId="77777777" w:rsidR="00945AA6" w:rsidRDefault="00945AA6">
      <w:r>
        <w:br w:type="page"/>
      </w:r>
    </w:p>
    <w:tbl>
      <w:tblPr>
        <w:tblStyle w:val="TableGrid"/>
        <w:tblW w:w="0" w:type="auto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892"/>
        <w:gridCol w:w="2764"/>
        <w:gridCol w:w="2764"/>
        <w:gridCol w:w="2764"/>
        <w:gridCol w:w="2764"/>
      </w:tblGrid>
      <w:tr w:rsidR="006112EC" w14:paraId="087ECF74" w14:textId="77777777" w:rsidTr="002A2256">
        <w:trPr>
          <w:cantSplit/>
          <w:tblHeader/>
        </w:trPr>
        <w:tc>
          <w:tcPr>
            <w:tcW w:w="2892" w:type="dxa"/>
          </w:tcPr>
          <w:p w14:paraId="6CD87D33" w14:textId="77777777" w:rsidR="006112EC" w:rsidRPr="006112EC" w:rsidRDefault="006112EC" w:rsidP="00804BFD">
            <w:pPr>
              <w:spacing w:before="120" w:after="120"/>
              <w:rPr>
                <w:b/>
              </w:rPr>
            </w:pPr>
            <w:r w:rsidRPr="006112EC">
              <w:rPr>
                <w:b/>
              </w:rPr>
              <w:lastRenderedPageBreak/>
              <w:t>OTHER LAWYERS</w:t>
            </w:r>
          </w:p>
        </w:tc>
        <w:tc>
          <w:tcPr>
            <w:tcW w:w="2764" w:type="dxa"/>
          </w:tcPr>
          <w:p w14:paraId="48480D0E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0F29B1EC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4D9B6A6C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5E4E9A35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</w:p>
        </w:tc>
      </w:tr>
      <w:tr w:rsidR="006112EC" w14:paraId="222AE56F" w14:textId="77777777" w:rsidTr="002A2256">
        <w:trPr>
          <w:cantSplit/>
          <w:tblHeader/>
        </w:trPr>
        <w:tc>
          <w:tcPr>
            <w:tcW w:w="2892" w:type="dxa"/>
          </w:tcPr>
          <w:p w14:paraId="03E953B6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NAME</w:t>
            </w:r>
          </w:p>
        </w:tc>
        <w:tc>
          <w:tcPr>
            <w:tcW w:w="2764" w:type="dxa"/>
          </w:tcPr>
          <w:p w14:paraId="293D13EF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POSITION</w:t>
            </w:r>
          </w:p>
        </w:tc>
        <w:tc>
          <w:tcPr>
            <w:tcW w:w="2764" w:type="dxa"/>
          </w:tcPr>
          <w:p w14:paraId="27326EC0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MEMBER STATUS</w:t>
            </w:r>
          </w:p>
        </w:tc>
        <w:tc>
          <w:tcPr>
            <w:tcW w:w="2764" w:type="dxa"/>
          </w:tcPr>
          <w:p w14:paraId="54CF74B2" w14:textId="4EC5FDB0" w:rsidR="006112EC" w:rsidRPr="00E50274" w:rsidRDefault="004E7AAE" w:rsidP="00804BFD">
            <w:pPr>
              <w:spacing w:before="120" w:after="120"/>
              <w:rPr>
                <w:b/>
              </w:rPr>
            </w:pPr>
            <w:r>
              <w:rPr>
                <w:b/>
              </w:rPr>
              <w:t>PRACTISING STATUS</w:t>
            </w:r>
          </w:p>
        </w:tc>
        <w:tc>
          <w:tcPr>
            <w:tcW w:w="2764" w:type="dxa"/>
          </w:tcPr>
          <w:p w14:paraId="35BCAC4D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JURISDICTION</w:t>
            </w:r>
          </w:p>
        </w:tc>
      </w:tr>
      <w:tr w:rsidR="00DE6525" w:rsidRPr="00DE6525" w14:paraId="18BC18B4" w14:textId="77777777" w:rsidTr="00D93D7A">
        <w:trPr>
          <w:cantSplit/>
        </w:trPr>
        <w:tc>
          <w:tcPr>
            <w:tcW w:w="2892" w:type="dxa"/>
          </w:tcPr>
          <w:p w14:paraId="451D136E" w14:textId="6A4766E0" w:rsidR="00DE6525" w:rsidRPr="00DE6525" w:rsidRDefault="00DE6525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Katya Camyab</w:t>
            </w:r>
          </w:p>
        </w:tc>
        <w:tc>
          <w:tcPr>
            <w:tcW w:w="2764" w:type="dxa"/>
          </w:tcPr>
          <w:p w14:paraId="077F4C8A" w14:textId="30D55B28" w:rsidR="00DE6525" w:rsidRPr="00DE6525" w:rsidRDefault="00D422EB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Trainee Solicitor</w:t>
            </w:r>
          </w:p>
        </w:tc>
        <w:tc>
          <w:tcPr>
            <w:tcW w:w="2764" w:type="dxa"/>
          </w:tcPr>
          <w:p w14:paraId="39A7FAFD" w14:textId="50C9D8F1" w:rsidR="00DE6525" w:rsidRPr="00DE6525" w:rsidRDefault="00DE6525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Non-member</w:t>
            </w:r>
          </w:p>
        </w:tc>
        <w:tc>
          <w:tcPr>
            <w:tcW w:w="2764" w:type="dxa"/>
          </w:tcPr>
          <w:p w14:paraId="7C547FDE" w14:textId="03F65452" w:rsidR="00DE6525" w:rsidRPr="00DE6525" w:rsidRDefault="00EE7FC4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50BA5E2F" w14:textId="2ACA029F" w:rsidR="00DE6525" w:rsidRPr="00DE6525" w:rsidRDefault="00DE6525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Not applicable</w:t>
            </w:r>
          </w:p>
        </w:tc>
      </w:tr>
      <w:tr w:rsidR="00D93D7A" w14:paraId="355C76AF" w14:textId="77777777" w:rsidTr="002C0CC9">
        <w:tc>
          <w:tcPr>
            <w:tcW w:w="2892" w:type="dxa"/>
          </w:tcPr>
          <w:p w14:paraId="015E499E" w14:textId="2AF15007" w:rsidR="00D93D7A" w:rsidRPr="00A3175D" w:rsidRDefault="00D93D7A" w:rsidP="002C0CC9">
            <w:pPr>
              <w:spacing w:before="120" w:after="120"/>
            </w:pPr>
            <w:r>
              <w:t>Kate Chanter</w:t>
            </w:r>
          </w:p>
        </w:tc>
        <w:tc>
          <w:tcPr>
            <w:tcW w:w="2764" w:type="dxa"/>
          </w:tcPr>
          <w:p w14:paraId="193AD47E" w14:textId="12FE42E5" w:rsidR="00D93D7A" w:rsidRPr="00A3175D" w:rsidRDefault="00517F35" w:rsidP="002C0CC9">
            <w:pPr>
              <w:spacing w:before="120" w:after="120"/>
            </w:pPr>
            <w:r>
              <w:t>Senior Associate</w:t>
            </w:r>
          </w:p>
        </w:tc>
        <w:tc>
          <w:tcPr>
            <w:tcW w:w="2764" w:type="dxa"/>
          </w:tcPr>
          <w:p w14:paraId="00F6B20E" w14:textId="77777777" w:rsidR="00D93D7A" w:rsidRPr="00A3175D" w:rsidRDefault="00D93D7A" w:rsidP="002C0CC9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13197E9F" w14:textId="77777777" w:rsidR="00D93D7A" w:rsidRPr="00A3175D" w:rsidRDefault="00D93D7A" w:rsidP="002C0CC9">
            <w:pPr>
              <w:spacing w:before="120" w:after="120"/>
            </w:pPr>
            <w:r>
              <w:rPr>
                <w:rFonts w:cs="Arial"/>
                <w:szCs w:val="20"/>
              </w:rPr>
              <w:t>Solicitor</w:t>
            </w:r>
          </w:p>
        </w:tc>
        <w:tc>
          <w:tcPr>
            <w:tcW w:w="2764" w:type="dxa"/>
          </w:tcPr>
          <w:p w14:paraId="541B4615" w14:textId="77777777" w:rsidR="00D93D7A" w:rsidRPr="00A3175D" w:rsidRDefault="00D93D7A" w:rsidP="002C0CC9">
            <w:pPr>
              <w:spacing w:before="120" w:after="120"/>
            </w:pPr>
            <w:r>
              <w:rPr>
                <w:rFonts w:cs="Arial"/>
                <w:szCs w:val="20"/>
              </w:rPr>
              <w:t>England &amp; Wales</w:t>
            </w:r>
          </w:p>
        </w:tc>
      </w:tr>
      <w:tr w:rsidR="00EE7FC4" w14:paraId="4A7FD99F" w14:textId="77777777" w:rsidTr="002C0CC9">
        <w:tc>
          <w:tcPr>
            <w:tcW w:w="2892" w:type="dxa"/>
          </w:tcPr>
          <w:p w14:paraId="027A07C3" w14:textId="57D09581" w:rsidR="00EE7FC4" w:rsidRPr="00A3175D" w:rsidRDefault="00EE7FC4" w:rsidP="002C0CC9">
            <w:pPr>
              <w:spacing w:before="120" w:after="120"/>
            </w:pPr>
            <w:r>
              <w:t>Amelia Clegg</w:t>
            </w:r>
          </w:p>
        </w:tc>
        <w:tc>
          <w:tcPr>
            <w:tcW w:w="2764" w:type="dxa"/>
          </w:tcPr>
          <w:p w14:paraId="1E8872BF" w14:textId="0908E67D" w:rsidR="00EE7FC4" w:rsidRDefault="00EE7FC4" w:rsidP="002C0CC9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73A6D7FC" w14:textId="28B1BD2D" w:rsidR="00EE7FC4" w:rsidRPr="00A3175D" w:rsidRDefault="00EE7FC4" w:rsidP="002C0CC9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62B8E424" w14:textId="3AAF7D21" w:rsidR="00EE7FC4" w:rsidRDefault="00EE7FC4" w:rsidP="002C0CC9">
            <w:pPr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Employed Barrister</w:t>
            </w:r>
          </w:p>
        </w:tc>
        <w:tc>
          <w:tcPr>
            <w:tcW w:w="2764" w:type="dxa"/>
          </w:tcPr>
          <w:p w14:paraId="6A15342F" w14:textId="72C1B01B" w:rsidR="00EE7FC4" w:rsidRDefault="00EE7FC4" w:rsidP="002C0CC9">
            <w:pPr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England &amp; Wales</w:t>
            </w:r>
          </w:p>
        </w:tc>
      </w:tr>
      <w:tr w:rsidR="00D93D7A" w14:paraId="2E9E4AB5" w14:textId="77777777" w:rsidTr="002C0CC9">
        <w:tc>
          <w:tcPr>
            <w:tcW w:w="2892" w:type="dxa"/>
          </w:tcPr>
          <w:p w14:paraId="26D6C0D3" w14:textId="77777777" w:rsidR="00D93D7A" w:rsidRPr="00A3175D" w:rsidRDefault="00D93D7A" w:rsidP="002C0CC9">
            <w:pPr>
              <w:spacing w:before="120" w:after="120"/>
            </w:pPr>
            <w:r w:rsidRPr="00A3175D">
              <w:t>Bethan Cowlam</w:t>
            </w:r>
          </w:p>
        </w:tc>
        <w:tc>
          <w:tcPr>
            <w:tcW w:w="2764" w:type="dxa"/>
          </w:tcPr>
          <w:p w14:paraId="17B01AAC" w14:textId="4ED75828" w:rsidR="00D93D7A" w:rsidRPr="00A3175D" w:rsidRDefault="00517F35" w:rsidP="002C0CC9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59FBFEEA" w14:textId="77777777" w:rsidR="00D93D7A" w:rsidRPr="00A3175D" w:rsidRDefault="00D93D7A" w:rsidP="002C0CC9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336F4D52" w14:textId="77777777" w:rsidR="00D93D7A" w:rsidRPr="00A3175D" w:rsidRDefault="00D93D7A" w:rsidP="002C0CC9">
            <w:pPr>
              <w:spacing w:before="120" w:after="120"/>
            </w:pPr>
            <w:r>
              <w:rPr>
                <w:rFonts w:cs="Arial"/>
                <w:szCs w:val="20"/>
              </w:rPr>
              <w:t>Solicitor</w:t>
            </w:r>
          </w:p>
        </w:tc>
        <w:tc>
          <w:tcPr>
            <w:tcW w:w="2764" w:type="dxa"/>
          </w:tcPr>
          <w:p w14:paraId="4FF6155C" w14:textId="77777777" w:rsidR="00D93D7A" w:rsidRPr="00A3175D" w:rsidRDefault="00D93D7A" w:rsidP="002C0CC9">
            <w:pPr>
              <w:spacing w:before="120" w:after="120"/>
            </w:pPr>
            <w:r>
              <w:rPr>
                <w:rFonts w:cs="Arial"/>
                <w:szCs w:val="20"/>
              </w:rPr>
              <w:t>England &amp; Wales</w:t>
            </w:r>
          </w:p>
        </w:tc>
      </w:tr>
      <w:tr w:rsidR="005F1FE8" w14:paraId="0B504AD8" w14:textId="77777777" w:rsidTr="00BC7A12">
        <w:tc>
          <w:tcPr>
            <w:tcW w:w="2892" w:type="dxa"/>
          </w:tcPr>
          <w:p w14:paraId="25DFEFF7" w14:textId="517C61A6" w:rsidR="005F1FE8" w:rsidRDefault="005F1FE8" w:rsidP="005F1FE8">
            <w:pPr>
              <w:spacing w:before="120" w:after="120"/>
            </w:pPr>
            <w:r>
              <w:t>Megan Curzon</w:t>
            </w:r>
          </w:p>
        </w:tc>
        <w:tc>
          <w:tcPr>
            <w:tcW w:w="2764" w:type="dxa"/>
          </w:tcPr>
          <w:p w14:paraId="1B059526" w14:textId="41F32AC4" w:rsidR="005F1FE8" w:rsidRDefault="00517F35" w:rsidP="005F1FE8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4037920B" w14:textId="50782218" w:rsidR="005F1FE8" w:rsidRDefault="005F1FE8" w:rsidP="005F1FE8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2EEA9586" w14:textId="2BC0CAD6" w:rsidR="005F1FE8" w:rsidRDefault="005F1FE8" w:rsidP="005F1FE8">
            <w:pPr>
              <w:spacing w:before="120" w:after="120"/>
            </w:pPr>
            <w:r>
              <w:rPr>
                <w:rFonts w:cs="Arial"/>
                <w:szCs w:val="20"/>
              </w:rPr>
              <w:t>Solicitor</w:t>
            </w:r>
          </w:p>
        </w:tc>
        <w:tc>
          <w:tcPr>
            <w:tcW w:w="2764" w:type="dxa"/>
          </w:tcPr>
          <w:p w14:paraId="7877143C" w14:textId="1E323E99" w:rsidR="005F1FE8" w:rsidRDefault="005F1FE8" w:rsidP="005F1FE8">
            <w:pPr>
              <w:spacing w:before="120" w:after="120"/>
            </w:pPr>
            <w:r>
              <w:rPr>
                <w:rFonts w:cs="Arial"/>
                <w:szCs w:val="20"/>
              </w:rPr>
              <w:t>England &amp; Wales</w:t>
            </w:r>
          </w:p>
        </w:tc>
      </w:tr>
      <w:tr w:rsidR="00806CD9" w14:paraId="5F8E00DC" w14:textId="77777777" w:rsidTr="000814F1">
        <w:tc>
          <w:tcPr>
            <w:tcW w:w="2892" w:type="dxa"/>
          </w:tcPr>
          <w:p w14:paraId="56B47163" w14:textId="77777777" w:rsidR="00806CD9" w:rsidRDefault="00806CD9" w:rsidP="000814F1">
            <w:pPr>
              <w:spacing w:before="120" w:after="120"/>
            </w:pPr>
            <w:r>
              <w:t>Michael Drury CMG</w:t>
            </w:r>
          </w:p>
        </w:tc>
        <w:tc>
          <w:tcPr>
            <w:tcW w:w="2764" w:type="dxa"/>
          </w:tcPr>
          <w:p w14:paraId="636ED5FA" w14:textId="51536FDF" w:rsidR="00806CD9" w:rsidRDefault="00806CD9" w:rsidP="000814F1">
            <w:pPr>
              <w:spacing w:before="120" w:after="120"/>
            </w:pPr>
            <w:r>
              <w:t>Of Counsel</w:t>
            </w:r>
          </w:p>
        </w:tc>
        <w:tc>
          <w:tcPr>
            <w:tcW w:w="2764" w:type="dxa"/>
          </w:tcPr>
          <w:p w14:paraId="2E13D10E" w14:textId="77777777" w:rsidR="00806CD9" w:rsidRDefault="00806CD9" w:rsidP="000814F1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4947DBE1" w14:textId="77777777" w:rsidR="00806CD9" w:rsidRDefault="00806CD9" w:rsidP="000814F1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64CB1FC0" w14:textId="77777777" w:rsidR="00806CD9" w:rsidRDefault="00806CD9" w:rsidP="000814F1">
            <w:pPr>
              <w:spacing w:before="120" w:after="120"/>
            </w:pPr>
            <w:r>
              <w:t>England &amp; Wales</w:t>
            </w:r>
          </w:p>
        </w:tc>
      </w:tr>
      <w:tr w:rsidR="004C546B" w14:paraId="59A4D6D4" w14:textId="77777777" w:rsidTr="00BC7A12">
        <w:tc>
          <w:tcPr>
            <w:tcW w:w="2892" w:type="dxa"/>
          </w:tcPr>
          <w:p w14:paraId="0669ABC2" w14:textId="4200257C" w:rsidR="004C546B" w:rsidRDefault="004C546B" w:rsidP="005F1FE8">
            <w:pPr>
              <w:spacing w:before="120" w:after="120"/>
            </w:pPr>
            <w:r>
              <w:t>Olivia Dwan</w:t>
            </w:r>
          </w:p>
        </w:tc>
        <w:tc>
          <w:tcPr>
            <w:tcW w:w="2764" w:type="dxa"/>
          </w:tcPr>
          <w:p w14:paraId="1EEED4B2" w14:textId="1E1D8570" w:rsidR="004C546B" w:rsidRDefault="004C546B" w:rsidP="005F1FE8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4B627260" w14:textId="2A34BE42" w:rsidR="004C546B" w:rsidRDefault="004C546B" w:rsidP="005F1FE8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1ACAB22E" w14:textId="365010F3" w:rsidR="004C546B" w:rsidRDefault="004C546B" w:rsidP="005F1FE8">
            <w:pPr>
              <w:spacing w:before="120" w:after="120"/>
            </w:pPr>
            <w:r>
              <w:t>Employed Barrister</w:t>
            </w:r>
          </w:p>
        </w:tc>
        <w:tc>
          <w:tcPr>
            <w:tcW w:w="2764" w:type="dxa"/>
          </w:tcPr>
          <w:p w14:paraId="6D22585D" w14:textId="742CAA67" w:rsidR="004C546B" w:rsidRDefault="004C546B" w:rsidP="005F1FE8">
            <w:pPr>
              <w:spacing w:before="120" w:after="120"/>
            </w:pPr>
            <w:r>
              <w:t>England &amp; Wales</w:t>
            </w:r>
          </w:p>
        </w:tc>
      </w:tr>
      <w:tr w:rsidR="00517F35" w14:paraId="4E4A1178" w14:textId="77777777" w:rsidTr="00BC7A12">
        <w:tc>
          <w:tcPr>
            <w:tcW w:w="2892" w:type="dxa"/>
          </w:tcPr>
          <w:p w14:paraId="274501D4" w14:textId="0EECC13F" w:rsidR="00517F35" w:rsidRDefault="00517F35" w:rsidP="005F1FE8">
            <w:pPr>
              <w:spacing w:before="120" w:after="120"/>
            </w:pPr>
            <w:r>
              <w:t>Jonathan Flynn</w:t>
            </w:r>
          </w:p>
        </w:tc>
        <w:tc>
          <w:tcPr>
            <w:tcW w:w="2764" w:type="dxa"/>
          </w:tcPr>
          <w:p w14:paraId="1D63F903" w14:textId="2BBE34B3" w:rsidR="00517F35" w:rsidRDefault="00517F35" w:rsidP="005F1FE8">
            <w:pPr>
              <w:spacing w:before="120" w:after="120"/>
            </w:pPr>
            <w:r>
              <w:t>Senior Associate</w:t>
            </w:r>
          </w:p>
        </w:tc>
        <w:tc>
          <w:tcPr>
            <w:tcW w:w="2764" w:type="dxa"/>
          </w:tcPr>
          <w:p w14:paraId="1F549726" w14:textId="4A1E5F19" w:rsidR="00517F35" w:rsidRDefault="00517F35" w:rsidP="005F1FE8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0B3742FB" w14:textId="4F2B3C08" w:rsidR="00517F35" w:rsidRDefault="00517F35" w:rsidP="005F1FE8">
            <w:pPr>
              <w:spacing w:before="120" w:after="120"/>
            </w:pPr>
            <w:r>
              <w:t>Employed Barrister</w:t>
            </w:r>
          </w:p>
        </w:tc>
        <w:tc>
          <w:tcPr>
            <w:tcW w:w="2764" w:type="dxa"/>
          </w:tcPr>
          <w:p w14:paraId="6211572C" w14:textId="712E801C" w:rsidR="00517F35" w:rsidRDefault="00517F35" w:rsidP="005F1FE8">
            <w:pPr>
              <w:spacing w:before="120" w:after="120"/>
            </w:pPr>
            <w:r>
              <w:t>England &amp; Wales</w:t>
            </w:r>
          </w:p>
        </w:tc>
      </w:tr>
      <w:tr w:rsidR="006621B7" w14:paraId="78C897E2" w14:textId="77777777" w:rsidTr="002C0CC9">
        <w:tc>
          <w:tcPr>
            <w:tcW w:w="2892" w:type="dxa"/>
          </w:tcPr>
          <w:p w14:paraId="441C65EA" w14:textId="77777777" w:rsidR="006621B7" w:rsidRDefault="006621B7" w:rsidP="002C0CC9">
            <w:pPr>
              <w:spacing w:before="120" w:after="120"/>
            </w:pPr>
            <w:r>
              <w:t>Alexander Gorst</w:t>
            </w:r>
          </w:p>
        </w:tc>
        <w:tc>
          <w:tcPr>
            <w:tcW w:w="2764" w:type="dxa"/>
          </w:tcPr>
          <w:p w14:paraId="107E8825" w14:textId="20E8BDA0" w:rsidR="006621B7" w:rsidRDefault="00517F35" w:rsidP="002C0CC9">
            <w:pPr>
              <w:spacing w:before="120" w:after="120"/>
            </w:pPr>
            <w:r>
              <w:t>Senior Associate</w:t>
            </w:r>
          </w:p>
        </w:tc>
        <w:tc>
          <w:tcPr>
            <w:tcW w:w="2764" w:type="dxa"/>
          </w:tcPr>
          <w:p w14:paraId="6139A784" w14:textId="77777777" w:rsidR="006621B7" w:rsidRDefault="006621B7" w:rsidP="002C0CC9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7BDC5601" w14:textId="26B5AE4F" w:rsidR="006621B7" w:rsidRDefault="00517F35" w:rsidP="002C0CC9">
            <w:pPr>
              <w:spacing w:before="120" w:after="120"/>
            </w:pPr>
            <w:r>
              <w:t>Employed Barrister</w:t>
            </w:r>
          </w:p>
        </w:tc>
        <w:tc>
          <w:tcPr>
            <w:tcW w:w="2764" w:type="dxa"/>
          </w:tcPr>
          <w:p w14:paraId="4EDC6983" w14:textId="77777777" w:rsidR="006621B7" w:rsidRDefault="006621B7" w:rsidP="002C0CC9">
            <w:pPr>
              <w:spacing w:before="120" w:after="120"/>
            </w:pPr>
            <w:r>
              <w:t>England &amp; Wales</w:t>
            </w:r>
          </w:p>
        </w:tc>
      </w:tr>
      <w:tr w:rsidR="004755FC" w14:paraId="38C5588B" w14:textId="77777777" w:rsidTr="00BC7A12">
        <w:tc>
          <w:tcPr>
            <w:tcW w:w="2892" w:type="dxa"/>
          </w:tcPr>
          <w:p w14:paraId="302766FC" w14:textId="4466D4B9" w:rsidR="004755FC" w:rsidRDefault="004755FC" w:rsidP="004755FC">
            <w:pPr>
              <w:spacing w:before="120" w:after="120"/>
            </w:pPr>
            <w:r>
              <w:t xml:space="preserve">Akash </w:t>
            </w:r>
            <w:proofErr w:type="spellStart"/>
            <w:r>
              <w:t>Jamang</w:t>
            </w:r>
            <w:proofErr w:type="spellEnd"/>
          </w:p>
        </w:tc>
        <w:tc>
          <w:tcPr>
            <w:tcW w:w="2764" w:type="dxa"/>
          </w:tcPr>
          <w:p w14:paraId="72A69D39" w14:textId="128B0ADF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7CEA7F13" w14:textId="7B2CC5CE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4B1A0758" w14:textId="7FAD63E5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40989628" w14:textId="39DE5655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43BD296D" w14:textId="77777777" w:rsidTr="00BC7A12">
        <w:tc>
          <w:tcPr>
            <w:tcW w:w="2892" w:type="dxa"/>
          </w:tcPr>
          <w:p w14:paraId="4F1F2BA8" w14:textId="4AEC65CE" w:rsidR="004755FC" w:rsidRDefault="004755FC" w:rsidP="004755FC">
            <w:pPr>
              <w:spacing w:before="120" w:after="120"/>
            </w:pPr>
            <w:r>
              <w:t>Ewelina James</w:t>
            </w:r>
          </w:p>
        </w:tc>
        <w:tc>
          <w:tcPr>
            <w:tcW w:w="2764" w:type="dxa"/>
          </w:tcPr>
          <w:p w14:paraId="79DA9DB3" w14:textId="2FE9ACDD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52E0DBC7" w14:textId="32996A4F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175C55F6" w14:textId="4290323D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4C5A6AB9" w14:textId="30E42A53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14316D93" w14:textId="77777777" w:rsidTr="00BC7A12">
        <w:tc>
          <w:tcPr>
            <w:tcW w:w="2892" w:type="dxa"/>
          </w:tcPr>
          <w:p w14:paraId="12FAC834" w14:textId="531263D6" w:rsidR="004755FC" w:rsidRDefault="004755FC" w:rsidP="004755FC">
            <w:pPr>
              <w:spacing w:before="120" w:after="120"/>
            </w:pPr>
            <w:r>
              <w:t>Christina Josephides</w:t>
            </w:r>
          </w:p>
        </w:tc>
        <w:tc>
          <w:tcPr>
            <w:tcW w:w="2764" w:type="dxa"/>
          </w:tcPr>
          <w:p w14:paraId="39DF1E34" w14:textId="37DEEB60" w:rsidR="004755FC" w:rsidRDefault="004755FC" w:rsidP="004755FC">
            <w:pPr>
              <w:spacing w:before="120" w:after="120"/>
            </w:pPr>
            <w:r>
              <w:t>Senior Associate</w:t>
            </w:r>
          </w:p>
        </w:tc>
        <w:tc>
          <w:tcPr>
            <w:tcW w:w="2764" w:type="dxa"/>
          </w:tcPr>
          <w:p w14:paraId="3F967249" w14:textId="3EF83763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09AB2BD2" w14:textId="35FCE89D" w:rsidR="004755FC" w:rsidRDefault="004755FC" w:rsidP="004755FC">
            <w:pPr>
              <w:spacing w:before="120" w:after="120"/>
            </w:pPr>
            <w:r>
              <w:t>Employed Barrister</w:t>
            </w:r>
          </w:p>
        </w:tc>
        <w:tc>
          <w:tcPr>
            <w:tcW w:w="2764" w:type="dxa"/>
          </w:tcPr>
          <w:p w14:paraId="06BCCDD7" w14:textId="573FB22A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06391221" w14:textId="77777777" w:rsidTr="002C0CC9">
        <w:tc>
          <w:tcPr>
            <w:tcW w:w="2892" w:type="dxa"/>
          </w:tcPr>
          <w:p w14:paraId="73D23D70" w14:textId="77777777" w:rsidR="004755FC" w:rsidRDefault="004755FC" w:rsidP="004755FC">
            <w:pPr>
              <w:spacing w:before="120" w:after="120"/>
            </w:pPr>
            <w:r>
              <w:t>Rishi Joshi</w:t>
            </w:r>
          </w:p>
        </w:tc>
        <w:tc>
          <w:tcPr>
            <w:tcW w:w="2764" w:type="dxa"/>
          </w:tcPr>
          <w:p w14:paraId="638BE141" w14:textId="7282CFD7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084D664A" w14:textId="77777777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1C59D909" w14:textId="77777777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3DE7F1EE" w14:textId="77777777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3102367C" w14:textId="77777777" w:rsidTr="002C0CC9">
        <w:tc>
          <w:tcPr>
            <w:tcW w:w="2892" w:type="dxa"/>
          </w:tcPr>
          <w:p w14:paraId="4D5E97F9" w14:textId="77777777" w:rsidR="004755FC" w:rsidRDefault="004755FC" w:rsidP="004755FC">
            <w:pPr>
              <w:spacing w:before="120" w:after="120"/>
            </w:pPr>
            <w:r>
              <w:t>Aleksandra Kardas</w:t>
            </w:r>
          </w:p>
        </w:tc>
        <w:tc>
          <w:tcPr>
            <w:tcW w:w="2764" w:type="dxa"/>
          </w:tcPr>
          <w:p w14:paraId="40F91375" w14:textId="1DCDA27B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2E6C4DD7" w14:textId="77777777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0BF2FEE2" w14:textId="5A9406FE" w:rsidR="004755FC" w:rsidRDefault="004755FC" w:rsidP="004755FC">
            <w:pPr>
              <w:spacing w:before="120" w:after="120"/>
            </w:pPr>
            <w:r>
              <w:t>Advocate</w:t>
            </w:r>
          </w:p>
        </w:tc>
        <w:tc>
          <w:tcPr>
            <w:tcW w:w="2764" w:type="dxa"/>
          </w:tcPr>
          <w:p w14:paraId="0428EC69" w14:textId="77777777" w:rsidR="004755FC" w:rsidRDefault="004755FC" w:rsidP="004755FC">
            <w:pPr>
              <w:spacing w:before="120" w:after="120"/>
            </w:pPr>
            <w:r>
              <w:t>Poland</w:t>
            </w:r>
          </w:p>
        </w:tc>
      </w:tr>
      <w:tr w:rsidR="004755FC" w14:paraId="32A9B19D" w14:textId="77777777" w:rsidTr="00BC7A12">
        <w:tc>
          <w:tcPr>
            <w:tcW w:w="2892" w:type="dxa"/>
          </w:tcPr>
          <w:p w14:paraId="42FDA430" w14:textId="076FAF34" w:rsidR="004755FC" w:rsidRDefault="004755FC" w:rsidP="004755FC">
            <w:pPr>
              <w:spacing w:before="120" w:after="120"/>
            </w:pPr>
            <w:r>
              <w:t>Samuel McCann</w:t>
            </w:r>
          </w:p>
        </w:tc>
        <w:tc>
          <w:tcPr>
            <w:tcW w:w="2764" w:type="dxa"/>
          </w:tcPr>
          <w:p w14:paraId="17909161" w14:textId="42C074AD" w:rsidR="004755FC" w:rsidRDefault="004755FC" w:rsidP="004755FC">
            <w:pPr>
              <w:spacing w:before="120" w:after="120"/>
            </w:pPr>
            <w:r>
              <w:t>Senior Associate</w:t>
            </w:r>
          </w:p>
        </w:tc>
        <w:tc>
          <w:tcPr>
            <w:tcW w:w="2764" w:type="dxa"/>
          </w:tcPr>
          <w:p w14:paraId="2026006B" w14:textId="605981AC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6CEADBF7" w14:textId="4889F0DC" w:rsidR="004755FC" w:rsidRDefault="004755FC" w:rsidP="004755FC">
            <w:pPr>
              <w:spacing w:before="120" w:after="120"/>
            </w:pPr>
            <w:r>
              <w:t>Employed Barrister</w:t>
            </w:r>
          </w:p>
        </w:tc>
        <w:tc>
          <w:tcPr>
            <w:tcW w:w="2764" w:type="dxa"/>
          </w:tcPr>
          <w:p w14:paraId="09057D6F" w14:textId="6C12BDFF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4821F31F" w14:textId="77777777" w:rsidTr="00BC7A12">
        <w:tc>
          <w:tcPr>
            <w:tcW w:w="2892" w:type="dxa"/>
          </w:tcPr>
          <w:p w14:paraId="6D4F89AF" w14:textId="1AC8604E" w:rsidR="004755FC" w:rsidRDefault="004755FC" w:rsidP="004755FC">
            <w:pPr>
              <w:spacing w:before="120" w:after="120"/>
            </w:pPr>
            <w:r>
              <w:lastRenderedPageBreak/>
              <w:t>Callum McKenzie Wylie</w:t>
            </w:r>
          </w:p>
        </w:tc>
        <w:tc>
          <w:tcPr>
            <w:tcW w:w="2764" w:type="dxa"/>
          </w:tcPr>
          <w:p w14:paraId="1F61E6BA" w14:textId="11A7664F" w:rsidR="004755FC" w:rsidRDefault="004755FC" w:rsidP="004755FC">
            <w:pPr>
              <w:spacing w:before="120" w:after="120"/>
            </w:pPr>
            <w:r>
              <w:t>Legal Assistant</w:t>
            </w:r>
          </w:p>
        </w:tc>
        <w:tc>
          <w:tcPr>
            <w:tcW w:w="2764" w:type="dxa"/>
          </w:tcPr>
          <w:p w14:paraId="09DD33A2" w14:textId="6CAC553B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06127AF6" w14:textId="2B76A594" w:rsidR="004755FC" w:rsidRDefault="004755FC" w:rsidP="004755FC">
            <w:pPr>
              <w:spacing w:before="120" w:after="120"/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0E03F02F" w14:textId="48870711" w:rsidR="004755FC" w:rsidRDefault="004755FC" w:rsidP="004755FC">
            <w:pPr>
              <w:spacing w:before="120" w:after="120"/>
            </w:pPr>
            <w:r>
              <w:t>Not applicable</w:t>
            </w:r>
          </w:p>
        </w:tc>
      </w:tr>
      <w:tr w:rsidR="004755FC" w14:paraId="57785BA1" w14:textId="77777777" w:rsidTr="00BC7A12">
        <w:tc>
          <w:tcPr>
            <w:tcW w:w="2892" w:type="dxa"/>
          </w:tcPr>
          <w:p w14:paraId="4E17F697" w14:textId="714B6F99" w:rsidR="004755FC" w:rsidRDefault="004755FC" w:rsidP="004755FC">
            <w:pPr>
              <w:spacing w:before="120" w:after="120"/>
            </w:pPr>
            <w:r>
              <w:t>Mohamed Naleemudeen</w:t>
            </w:r>
          </w:p>
        </w:tc>
        <w:tc>
          <w:tcPr>
            <w:tcW w:w="2764" w:type="dxa"/>
          </w:tcPr>
          <w:p w14:paraId="085BCF7B" w14:textId="0D5CAC77" w:rsidR="004755FC" w:rsidRDefault="004755FC" w:rsidP="004755FC">
            <w:pPr>
              <w:spacing w:before="120" w:after="120"/>
              <w:rPr>
                <w:bCs/>
              </w:rPr>
            </w:pPr>
            <w:r>
              <w:rPr>
                <w:bCs/>
              </w:rPr>
              <w:t>Associate</w:t>
            </w:r>
          </w:p>
        </w:tc>
        <w:tc>
          <w:tcPr>
            <w:tcW w:w="2764" w:type="dxa"/>
          </w:tcPr>
          <w:p w14:paraId="4533663E" w14:textId="1667FADC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5FE63A14" w14:textId="3F4E060E" w:rsidR="004755FC" w:rsidRDefault="004755FC" w:rsidP="004755FC">
            <w:pPr>
              <w:spacing w:before="120" w:after="120"/>
            </w:pPr>
            <w:r>
              <w:t>Solicitor (Foreign qualified)</w:t>
            </w:r>
          </w:p>
        </w:tc>
        <w:tc>
          <w:tcPr>
            <w:tcW w:w="2764" w:type="dxa"/>
          </w:tcPr>
          <w:p w14:paraId="1E4EFE24" w14:textId="33E5E786" w:rsidR="004755FC" w:rsidRDefault="004755FC" w:rsidP="004755FC">
            <w:pPr>
              <w:spacing w:before="120" w:after="120"/>
            </w:pPr>
            <w:r>
              <w:t>Australia</w:t>
            </w:r>
          </w:p>
        </w:tc>
      </w:tr>
      <w:tr w:rsidR="004755FC" w14:paraId="137FBB9F" w14:textId="77777777" w:rsidTr="00BC7A12">
        <w:tc>
          <w:tcPr>
            <w:tcW w:w="2892" w:type="dxa"/>
          </w:tcPr>
          <w:p w14:paraId="2C27034D" w14:textId="25A1F8A7" w:rsidR="004755FC" w:rsidRDefault="004755FC" w:rsidP="004755FC">
            <w:pPr>
              <w:spacing w:before="120" w:after="120"/>
            </w:pPr>
            <w:r>
              <w:t>Dimitri Naumenko-Pronin</w:t>
            </w:r>
          </w:p>
        </w:tc>
        <w:tc>
          <w:tcPr>
            <w:tcW w:w="2764" w:type="dxa"/>
          </w:tcPr>
          <w:p w14:paraId="6FB666F4" w14:textId="537AA6AA" w:rsidR="004755FC" w:rsidRDefault="004755FC" w:rsidP="004755FC">
            <w:pPr>
              <w:spacing w:before="120" w:after="120"/>
            </w:pPr>
            <w:r>
              <w:rPr>
                <w:bCs/>
              </w:rPr>
              <w:t>Legal Assistant</w:t>
            </w:r>
          </w:p>
        </w:tc>
        <w:tc>
          <w:tcPr>
            <w:tcW w:w="2764" w:type="dxa"/>
          </w:tcPr>
          <w:p w14:paraId="43989181" w14:textId="622ADB3E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4F12ED3C" w14:textId="4FCC478D" w:rsidR="004755FC" w:rsidRDefault="004755FC" w:rsidP="004755FC">
            <w:pPr>
              <w:spacing w:before="120" w:after="120"/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2423FBCD" w14:textId="07C751A9" w:rsidR="004755FC" w:rsidRDefault="004755FC" w:rsidP="004755FC">
            <w:pPr>
              <w:spacing w:before="120" w:after="120"/>
            </w:pPr>
            <w:r>
              <w:t>Not applicable</w:t>
            </w:r>
          </w:p>
        </w:tc>
      </w:tr>
      <w:tr w:rsidR="004755FC" w14:paraId="2EF1FA29" w14:textId="77777777" w:rsidTr="00BC7A12">
        <w:tc>
          <w:tcPr>
            <w:tcW w:w="2892" w:type="dxa"/>
          </w:tcPr>
          <w:p w14:paraId="0CFF3DEF" w14:textId="3780070E" w:rsidR="004755FC" w:rsidRDefault="004755FC" w:rsidP="004755FC">
            <w:pPr>
              <w:spacing w:before="120" w:after="120"/>
            </w:pPr>
            <w:r>
              <w:t>April O’Neill</w:t>
            </w:r>
          </w:p>
        </w:tc>
        <w:tc>
          <w:tcPr>
            <w:tcW w:w="2764" w:type="dxa"/>
          </w:tcPr>
          <w:p w14:paraId="36F7A8F4" w14:textId="433B7C73" w:rsidR="004755FC" w:rsidRDefault="004755FC" w:rsidP="004755FC">
            <w:pPr>
              <w:spacing w:before="120" w:after="120"/>
            </w:pPr>
            <w:r>
              <w:rPr>
                <w:bCs/>
              </w:rPr>
              <w:t>Legal Assistant</w:t>
            </w:r>
          </w:p>
        </w:tc>
        <w:tc>
          <w:tcPr>
            <w:tcW w:w="2764" w:type="dxa"/>
          </w:tcPr>
          <w:p w14:paraId="56197C25" w14:textId="5C220D62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2ABC79AD" w14:textId="7432D191" w:rsidR="004755FC" w:rsidRDefault="004755FC" w:rsidP="004755FC">
            <w:pPr>
              <w:spacing w:before="120" w:after="120"/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1B949A59" w14:textId="3C10E973" w:rsidR="004755FC" w:rsidRDefault="004755FC" w:rsidP="004755FC">
            <w:pPr>
              <w:spacing w:before="120" w:after="120"/>
            </w:pPr>
            <w:r>
              <w:t>Not applicable</w:t>
            </w:r>
          </w:p>
        </w:tc>
      </w:tr>
      <w:tr w:rsidR="004755FC" w14:paraId="77B2631D" w14:textId="77777777" w:rsidTr="00BC7A12">
        <w:tc>
          <w:tcPr>
            <w:tcW w:w="2892" w:type="dxa"/>
          </w:tcPr>
          <w:p w14:paraId="556E1529" w14:textId="5A6C75A0" w:rsidR="004755FC" w:rsidRDefault="004755FC" w:rsidP="004755FC">
            <w:pPr>
              <w:spacing w:before="120" w:after="120"/>
            </w:pPr>
            <w:r>
              <w:t>Karen Peacock</w:t>
            </w:r>
          </w:p>
        </w:tc>
        <w:tc>
          <w:tcPr>
            <w:tcW w:w="2764" w:type="dxa"/>
          </w:tcPr>
          <w:p w14:paraId="7B2E976A" w14:textId="5CBF2654" w:rsidR="004755FC" w:rsidRDefault="004755FC" w:rsidP="004755FC">
            <w:pPr>
              <w:spacing w:before="120" w:after="120"/>
            </w:pPr>
            <w:r>
              <w:t>Practice Development Director</w:t>
            </w:r>
          </w:p>
        </w:tc>
        <w:tc>
          <w:tcPr>
            <w:tcW w:w="2764" w:type="dxa"/>
          </w:tcPr>
          <w:p w14:paraId="4573AF53" w14:textId="2E9F1093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0219D9B3" w14:textId="1013E44E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34C153A3" w14:textId="05E95F39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6090F300" w14:textId="77777777" w:rsidTr="00BC7A12">
        <w:tc>
          <w:tcPr>
            <w:tcW w:w="2892" w:type="dxa"/>
          </w:tcPr>
          <w:p w14:paraId="45356EA9" w14:textId="653CB021" w:rsidR="004755FC" w:rsidRDefault="004755FC" w:rsidP="004755FC">
            <w:pPr>
              <w:tabs>
                <w:tab w:val="left" w:pos="1830"/>
              </w:tabs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Natalia Reed</w:t>
            </w:r>
          </w:p>
        </w:tc>
        <w:tc>
          <w:tcPr>
            <w:tcW w:w="2764" w:type="dxa"/>
          </w:tcPr>
          <w:p w14:paraId="2DE32E19" w14:textId="2661A941" w:rsidR="004755FC" w:rsidRDefault="004755FC" w:rsidP="004755FC">
            <w:pPr>
              <w:spacing w:before="120" w:after="120"/>
            </w:pPr>
            <w:r>
              <w:t>Legal Assistant</w:t>
            </w:r>
          </w:p>
        </w:tc>
        <w:tc>
          <w:tcPr>
            <w:tcW w:w="2764" w:type="dxa"/>
          </w:tcPr>
          <w:p w14:paraId="7F6C53B7" w14:textId="66240787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79D47D20" w14:textId="27888A77" w:rsidR="004755FC" w:rsidRDefault="004755FC" w:rsidP="004755FC">
            <w:pPr>
              <w:spacing w:before="120" w:after="120"/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67D13952" w14:textId="3C34B99E" w:rsidR="004755FC" w:rsidRDefault="004755FC" w:rsidP="004755FC">
            <w:pPr>
              <w:spacing w:before="120" w:after="120"/>
            </w:pPr>
            <w:r>
              <w:t>Not applicable</w:t>
            </w:r>
          </w:p>
        </w:tc>
      </w:tr>
      <w:tr w:rsidR="004755FC" w14:paraId="5470FC3C" w14:textId="77777777" w:rsidTr="00BC7A12">
        <w:tc>
          <w:tcPr>
            <w:tcW w:w="2892" w:type="dxa"/>
          </w:tcPr>
          <w:p w14:paraId="41839370" w14:textId="5A6ACA1B" w:rsidR="004755FC" w:rsidRDefault="004755FC" w:rsidP="004755FC">
            <w:pPr>
              <w:tabs>
                <w:tab w:val="left" w:pos="1830"/>
              </w:tabs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Magali Sharma</w:t>
            </w:r>
            <w:r>
              <w:rPr>
                <w:rFonts w:cs="Arial"/>
                <w:szCs w:val="20"/>
              </w:rPr>
              <w:tab/>
            </w:r>
          </w:p>
        </w:tc>
        <w:tc>
          <w:tcPr>
            <w:tcW w:w="2764" w:type="dxa"/>
          </w:tcPr>
          <w:p w14:paraId="6FBBF5E5" w14:textId="2521072F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18D5339A" w14:textId="17DAAF9F" w:rsidR="004755FC" w:rsidRPr="00A3175D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46295384" w14:textId="3B9027CD" w:rsidR="004755FC" w:rsidRPr="00A3175D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3A75CE1D" w14:textId="2453B06D" w:rsidR="004755FC" w:rsidRPr="00A3175D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73B4E499" w14:textId="77777777" w:rsidTr="00BC7A12">
        <w:tc>
          <w:tcPr>
            <w:tcW w:w="2892" w:type="dxa"/>
          </w:tcPr>
          <w:p w14:paraId="55FA6478" w14:textId="1F963F3C" w:rsidR="004755FC" w:rsidRDefault="004755FC" w:rsidP="004755FC">
            <w:pPr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Rebecca von Blumenthal</w:t>
            </w:r>
          </w:p>
        </w:tc>
        <w:tc>
          <w:tcPr>
            <w:tcW w:w="2764" w:type="dxa"/>
          </w:tcPr>
          <w:p w14:paraId="01ED3DBE" w14:textId="7D15EA6F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056655F4" w14:textId="6DB48BB9" w:rsidR="004755FC" w:rsidRPr="00A3175D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41FC2066" w14:textId="42FDCF70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0073C0B7" w14:textId="28AF41D7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411A8889" w14:textId="77777777" w:rsidTr="00BC7A12">
        <w:tc>
          <w:tcPr>
            <w:tcW w:w="2892" w:type="dxa"/>
          </w:tcPr>
          <w:p w14:paraId="52E65D7E" w14:textId="2B44BBBB" w:rsidR="004755FC" w:rsidRDefault="004755FC" w:rsidP="004755FC">
            <w:pPr>
              <w:spacing w:before="120" w:after="120"/>
            </w:pPr>
            <w:r>
              <w:rPr>
                <w:rFonts w:cs="Arial"/>
                <w:szCs w:val="20"/>
              </w:rPr>
              <w:t>Evgeni Voznoi</w:t>
            </w:r>
          </w:p>
        </w:tc>
        <w:tc>
          <w:tcPr>
            <w:tcW w:w="2764" w:type="dxa"/>
          </w:tcPr>
          <w:p w14:paraId="6A9D7ACB" w14:textId="58E4F93E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367CBDA6" w14:textId="460C54A3" w:rsidR="004755FC" w:rsidRDefault="004755FC" w:rsidP="004755FC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6A846577" w14:textId="5F62F07F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7435701A" w14:textId="5C35A87A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37EED92B" w14:textId="77777777" w:rsidTr="00BC7A12">
        <w:tc>
          <w:tcPr>
            <w:tcW w:w="2892" w:type="dxa"/>
          </w:tcPr>
          <w:p w14:paraId="65155AAD" w14:textId="77777777" w:rsidR="004755FC" w:rsidRDefault="004755FC" w:rsidP="004755FC">
            <w:pPr>
              <w:spacing w:before="120" w:after="120"/>
            </w:pPr>
            <w:r>
              <w:t>Andrew Watson</w:t>
            </w:r>
          </w:p>
        </w:tc>
        <w:tc>
          <w:tcPr>
            <w:tcW w:w="2764" w:type="dxa"/>
          </w:tcPr>
          <w:p w14:paraId="7F449AC7" w14:textId="225EEF1A" w:rsidR="004755FC" w:rsidRPr="00A3175D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05F2AEC5" w14:textId="77777777" w:rsidR="004755FC" w:rsidRPr="00A3175D" w:rsidRDefault="004755FC" w:rsidP="004755FC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4A277363" w14:textId="43B25AB4" w:rsidR="004755FC" w:rsidRPr="00A3175D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6682832A" w14:textId="31B31490" w:rsidR="004755FC" w:rsidRPr="00A3175D" w:rsidRDefault="004755FC" w:rsidP="004755FC">
            <w:pPr>
              <w:spacing w:before="120" w:after="120"/>
            </w:pPr>
            <w:r>
              <w:t>England &amp; Wales</w:t>
            </w:r>
          </w:p>
        </w:tc>
      </w:tr>
    </w:tbl>
    <w:p w14:paraId="626171B4" w14:textId="6EBBFB36" w:rsidR="00744D11" w:rsidRDefault="00744D11"/>
    <w:p w14:paraId="3CA13177" w14:textId="77777777" w:rsidR="00744D11" w:rsidRDefault="00744D11">
      <w:r>
        <w:br w:type="page"/>
      </w:r>
    </w:p>
    <w:tbl>
      <w:tblPr>
        <w:tblStyle w:val="TableGrid"/>
        <w:tblW w:w="0" w:type="auto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892"/>
        <w:gridCol w:w="2764"/>
        <w:gridCol w:w="2764"/>
        <w:gridCol w:w="2764"/>
        <w:gridCol w:w="2764"/>
      </w:tblGrid>
      <w:tr w:rsidR="00744D11" w14:paraId="4EEA2C8C" w14:textId="77777777" w:rsidTr="00FA14C4">
        <w:trPr>
          <w:cantSplit/>
          <w:tblHeader/>
        </w:trPr>
        <w:tc>
          <w:tcPr>
            <w:tcW w:w="2892" w:type="dxa"/>
          </w:tcPr>
          <w:p w14:paraId="0EF37CF9" w14:textId="22D1CD4E" w:rsidR="00744D11" w:rsidRPr="006112EC" w:rsidRDefault="00744D11" w:rsidP="00FA14C4">
            <w:pPr>
              <w:spacing w:before="120" w:after="120"/>
              <w:rPr>
                <w:b/>
              </w:rPr>
            </w:pPr>
            <w:proofErr w:type="gramStart"/>
            <w:r>
              <w:rPr>
                <w:b/>
              </w:rPr>
              <w:lastRenderedPageBreak/>
              <w:t>NON</w:t>
            </w:r>
            <w:r w:rsidRPr="006112EC">
              <w:rPr>
                <w:b/>
              </w:rPr>
              <w:t xml:space="preserve"> LAWYERS</w:t>
            </w:r>
            <w:proofErr w:type="gramEnd"/>
          </w:p>
        </w:tc>
        <w:tc>
          <w:tcPr>
            <w:tcW w:w="2764" w:type="dxa"/>
          </w:tcPr>
          <w:p w14:paraId="2E0E0EA9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6C5537B1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1C467A63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56D1EFD2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</w:p>
        </w:tc>
      </w:tr>
      <w:tr w:rsidR="00744D11" w14:paraId="4E06C7C2" w14:textId="77777777" w:rsidTr="00FA14C4">
        <w:trPr>
          <w:cantSplit/>
          <w:tblHeader/>
        </w:trPr>
        <w:tc>
          <w:tcPr>
            <w:tcW w:w="2892" w:type="dxa"/>
          </w:tcPr>
          <w:p w14:paraId="08BBC7DC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NAME</w:t>
            </w:r>
          </w:p>
        </w:tc>
        <w:tc>
          <w:tcPr>
            <w:tcW w:w="2764" w:type="dxa"/>
          </w:tcPr>
          <w:p w14:paraId="26EF03F6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POSITION</w:t>
            </w:r>
          </w:p>
        </w:tc>
        <w:tc>
          <w:tcPr>
            <w:tcW w:w="2764" w:type="dxa"/>
          </w:tcPr>
          <w:p w14:paraId="3A77C152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MEMBER STATUS</w:t>
            </w:r>
          </w:p>
        </w:tc>
        <w:tc>
          <w:tcPr>
            <w:tcW w:w="2764" w:type="dxa"/>
          </w:tcPr>
          <w:p w14:paraId="1F402F2C" w14:textId="001BE076" w:rsidR="00744D11" w:rsidRPr="00E50274" w:rsidRDefault="00744D11" w:rsidP="00FA14C4">
            <w:pPr>
              <w:spacing w:before="120" w:after="120"/>
              <w:rPr>
                <w:b/>
              </w:rPr>
            </w:pPr>
            <w:r>
              <w:rPr>
                <w:b/>
              </w:rPr>
              <w:t>PRACTISING STATUS</w:t>
            </w:r>
          </w:p>
        </w:tc>
        <w:tc>
          <w:tcPr>
            <w:tcW w:w="2764" w:type="dxa"/>
          </w:tcPr>
          <w:p w14:paraId="7C5E704A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JURISDICTION</w:t>
            </w:r>
          </w:p>
        </w:tc>
      </w:tr>
      <w:tr w:rsidR="00744D11" w:rsidRPr="00DE6525" w14:paraId="6342E97B" w14:textId="77777777" w:rsidTr="00FA14C4">
        <w:trPr>
          <w:cantSplit/>
        </w:trPr>
        <w:tc>
          <w:tcPr>
            <w:tcW w:w="2892" w:type="dxa"/>
          </w:tcPr>
          <w:p w14:paraId="7431166A" w14:textId="37C96FAF" w:rsidR="00744D11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Francesca Donno</w:t>
            </w:r>
          </w:p>
        </w:tc>
        <w:tc>
          <w:tcPr>
            <w:tcW w:w="2764" w:type="dxa"/>
          </w:tcPr>
          <w:p w14:paraId="1A35C5AA" w14:textId="1ABFFC3C" w:rsidR="00744D11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Paralegal Personal Assistant</w:t>
            </w:r>
          </w:p>
        </w:tc>
        <w:tc>
          <w:tcPr>
            <w:tcW w:w="2764" w:type="dxa"/>
          </w:tcPr>
          <w:p w14:paraId="1BECC6A1" w14:textId="21680BA0" w:rsidR="00744D11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Non-member</w:t>
            </w:r>
          </w:p>
        </w:tc>
        <w:tc>
          <w:tcPr>
            <w:tcW w:w="2764" w:type="dxa"/>
          </w:tcPr>
          <w:p w14:paraId="658CC6FB" w14:textId="1195052F" w:rsidR="00744D11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Unqualified</w:t>
            </w:r>
          </w:p>
        </w:tc>
        <w:tc>
          <w:tcPr>
            <w:tcW w:w="2764" w:type="dxa"/>
          </w:tcPr>
          <w:p w14:paraId="64BA89BC" w14:textId="7D7568B2" w:rsidR="00744D11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Not applicable</w:t>
            </w:r>
          </w:p>
        </w:tc>
      </w:tr>
      <w:tr w:rsidR="00744D11" w:rsidRPr="00DE6525" w14:paraId="0B462515" w14:textId="77777777" w:rsidTr="00FA14C4">
        <w:trPr>
          <w:cantSplit/>
        </w:trPr>
        <w:tc>
          <w:tcPr>
            <w:tcW w:w="2892" w:type="dxa"/>
          </w:tcPr>
          <w:p w14:paraId="752A477F" w14:textId="6E5A5FCB" w:rsidR="00744D11" w:rsidRPr="00DE6525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Kate Collard</w:t>
            </w:r>
          </w:p>
        </w:tc>
        <w:tc>
          <w:tcPr>
            <w:tcW w:w="2764" w:type="dxa"/>
          </w:tcPr>
          <w:p w14:paraId="7205D429" w14:textId="4B60CCCD" w:rsidR="00744D11" w:rsidRPr="00DE6525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Serious &amp; General Crime Department Team Assistant</w:t>
            </w:r>
          </w:p>
        </w:tc>
        <w:tc>
          <w:tcPr>
            <w:tcW w:w="2764" w:type="dxa"/>
          </w:tcPr>
          <w:p w14:paraId="64A92101" w14:textId="77777777" w:rsidR="00744D11" w:rsidRPr="00DE6525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Non-member</w:t>
            </w:r>
          </w:p>
        </w:tc>
        <w:tc>
          <w:tcPr>
            <w:tcW w:w="2764" w:type="dxa"/>
          </w:tcPr>
          <w:p w14:paraId="476403CC" w14:textId="77777777" w:rsidR="00744D11" w:rsidRPr="00DE6525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Unqualified</w:t>
            </w:r>
          </w:p>
        </w:tc>
        <w:tc>
          <w:tcPr>
            <w:tcW w:w="2764" w:type="dxa"/>
          </w:tcPr>
          <w:p w14:paraId="62F27A2E" w14:textId="77777777" w:rsidR="00744D11" w:rsidRPr="00DE6525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Not applicable</w:t>
            </w:r>
          </w:p>
        </w:tc>
      </w:tr>
      <w:tr w:rsidR="00744D11" w14:paraId="6493E056" w14:textId="77777777" w:rsidTr="00FA14C4">
        <w:tc>
          <w:tcPr>
            <w:tcW w:w="2892" w:type="dxa"/>
          </w:tcPr>
          <w:p w14:paraId="1D095F76" w14:textId="7A709FFB" w:rsidR="00744D11" w:rsidRPr="00A3175D" w:rsidRDefault="00744D11" w:rsidP="00FA14C4">
            <w:pPr>
              <w:spacing w:before="120" w:after="120"/>
            </w:pPr>
            <w:r>
              <w:t>Louise Tyson</w:t>
            </w:r>
          </w:p>
        </w:tc>
        <w:tc>
          <w:tcPr>
            <w:tcW w:w="2764" w:type="dxa"/>
          </w:tcPr>
          <w:p w14:paraId="0B9FFAA0" w14:textId="0F09BEB8" w:rsidR="00744D11" w:rsidRPr="00A3175D" w:rsidRDefault="00744D11" w:rsidP="00FA14C4">
            <w:pPr>
              <w:spacing w:before="120" w:after="120"/>
            </w:pPr>
            <w:r>
              <w:rPr>
                <w:bCs/>
              </w:rPr>
              <w:t>Paralegal Personal Assistant</w:t>
            </w:r>
          </w:p>
        </w:tc>
        <w:tc>
          <w:tcPr>
            <w:tcW w:w="2764" w:type="dxa"/>
          </w:tcPr>
          <w:p w14:paraId="135E8DEA" w14:textId="77777777" w:rsidR="00744D11" w:rsidRPr="00A3175D" w:rsidRDefault="00744D11" w:rsidP="00FA14C4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2D770FEB" w14:textId="3C2AB2B6" w:rsidR="00744D11" w:rsidRPr="00A3175D" w:rsidRDefault="00744D11" w:rsidP="00FA14C4">
            <w:pPr>
              <w:spacing w:before="120" w:after="120"/>
            </w:pPr>
            <w:r>
              <w:rPr>
                <w:rFonts w:cs="Arial"/>
                <w:szCs w:val="20"/>
              </w:rPr>
              <w:t>Unqualified</w:t>
            </w:r>
          </w:p>
        </w:tc>
        <w:tc>
          <w:tcPr>
            <w:tcW w:w="2764" w:type="dxa"/>
          </w:tcPr>
          <w:p w14:paraId="4BAA6FE7" w14:textId="30E51A0E" w:rsidR="00744D11" w:rsidRPr="00A3175D" w:rsidRDefault="00744D11" w:rsidP="00FA14C4">
            <w:pPr>
              <w:spacing w:before="120" w:after="120"/>
            </w:pPr>
            <w:r>
              <w:rPr>
                <w:rFonts w:cs="Arial"/>
                <w:szCs w:val="20"/>
              </w:rPr>
              <w:t>Not applicable</w:t>
            </w:r>
          </w:p>
        </w:tc>
      </w:tr>
      <w:tr w:rsidR="00744D11" w14:paraId="7921A1AC" w14:textId="77777777" w:rsidTr="00FA14C4">
        <w:tc>
          <w:tcPr>
            <w:tcW w:w="2892" w:type="dxa"/>
          </w:tcPr>
          <w:p w14:paraId="181220E8" w14:textId="146B8AD8" w:rsidR="00744D11" w:rsidRPr="00A3175D" w:rsidRDefault="00744D11" w:rsidP="00FA14C4">
            <w:pPr>
              <w:spacing w:before="120" w:after="120"/>
            </w:pPr>
            <w:r>
              <w:t>Emma White</w:t>
            </w:r>
          </w:p>
        </w:tc>
        <w:tc>
          <w:tcPr>
            <w:tcW w:w="2764" w:type="dxa"/>
          </w:tcPr>
          <w:p w14:paraId="0A8519B5" w14:textId="3D1D8587" w:rsidR="00744D11" w:rsidRPr="00A3175D" w:rsidRDefault="009147F2" w:rsidP="00FA14C4">
            <w:pPr>
              <w:spacing w:before="120" w:after="120"/>
            </w:pPr>
            <w:r>
              <w:t>Practice Support Manager</w:t>
            </w:r>
          </w:p>
        </w:tc>
        <w:tc>
          <w:tcPr>
            <w:tcW w:w="2764" w:type="dxa"/>
          </w:tcPr>
          <w:p w14:paraId="2F37FBCA" w14:textId="77777777" w:rsidR="00744D11" w:rsidRPr="00A3175D" w:rsidRDefault="00744D11" w:rsidP="00FA14C4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11C32F5B" w14:textId="18B1D57E" w:rsidR="00744D11" w:rsidRPr="00A3175D" w:rsidRDefault="00744D11" w:rsidP="00FA14C4">
            <w:pPr>
              <w:spacing w:before="120" w:after="120"/>
            </w:pPr>
            <w:r>
              <w:rPr>
                <w:rFonts w:cs="Arial"/>
                <w:szCs w:val="20"/>
              </w:rPr>
              <w:t>Unqualified</w:t>
            </w:r>
          </w:p>
        </w:tc>
        <w:tc>
          <w:tcPr>
            <w:tcW w:w="2764" w:type="dxa"/>
          </w:tcPr>
          <w:p w14:paraId="07FC67AA" w14:textId="326AAB6F" w:rsidR="00744D11" w:rsidRPr="00A3175D" w:rsidRDefault="00744D11" w:rsidP="00FA14C4">
            <w:pPr>
              <w:spacing w:before="120" w:after="120"/>
            </w:pPr>
            <w:r>
              <w:rPr>
                <w:rFonts w:cs="Arial"/>
                <w:szCs w:val="20"/>
              </w:rPr>
              <w:t>Not applicable</w:t>
            </w:r>
          </w:p>
        </w:tc>
      </w:tr>
    </w:tbl>
    <w:p w14:paraId="4022ED65" w14:textId="77777777" w:rsidR="00744D11" w:rsidRDefault="00744D11" w:rsidP="00744D11"/>
    <w:p w14:paraId="0EF52C95" w14:textId="77777777" w:rsidR="006112EC" w:rsidRDefault="006112EC"/>
    <w:sectPr w:rsidR="006112EC" w:rsidSect="009F4EB2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6838" w:h="11906" w:orient="landscape"/>
      <w:pgMar w:top="1440" w:right="1440" w:bottom="1440" w:left="1440" w:header="624" w:footer="624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1015DF2A" w14:textId="77777777" w:rsidR="0007720A" w:rsidRDefault="0007720A" w:rsidP="00E50274">
      <w:pPr>
        <w:spacing w:after="0" w:line="240" w:lineRule="auto"/>
      </w:pPr>
      <w:r>
        <w:separator/>
      </w:r>
    </w:p>
  </w:endnote>
  <w:endnote w:type="continuationSeparator" w:id="0">
    <w:p w14:paraId="694AA9B6" w14:textId="77777777" w:rsidR="0007720A" w:rsidRDefault="0007720A" w:rsidP="00E50274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2FDC6FB" w14:textId="77777777" w:rsidR="00CD76D2" w:rsidRDefault="00CD76D2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5ED98BC" w14:textId="4328BFDF" w:rsidR="00CB2A42" w:rsidRPr="00E50274" w:rsidRDefault="00CB2A42" w:rsidP="00CB2A42">
    <w:pPr>
      <w:pStyle w:val="Footer"/>
      <w:jc w:val="right"/>
      <w:rPr>
        <w:rFonts w:cs="Arial"/>
        <w:sz w:val="16"/>
      </w:rPr>
    </w:pPr>
    <w:r>
      <w:rPr>
        <w:rFonts w:cs="Arial"/>
        <w:sz w:val="16"/>
      </w:rPr>
      <w:fldChar w:fldCharType="begin"/>
    </w:r>
    <w:r>
      <w:rPr>
        <w:rFonts w:cs="Arial"/>
        <w:sz w:val="16"/>
      </w:rPr>
      <w:instrText xml:space="preserve"> DOCPROPERTY iManageFooter \* MERGEFORMAT </w:instrText>
    </w:r>
    <w:r>
      <w:rPr>
        <w:rFonts w:cs="Arial"/>
        <w:sz w:val="16"/>
      </w:rPr>
      <w:fldChar w:fldCharType="separate"/>
    </w:r>
    <w:r w:rsidR="00DB708B">
      <w:rPr>
        <w:rFonts w:cs="Arial"/>
        <w:sz w:val="16"/>
      </w:rPr>
      <w:t>#1935162v44</w:t>
    </w:r>
    <w:r>
      <w:rPr>
        <w:rFonts w:cs="Arial"/>
        <w:sz w:val="16"/>
      </w:rPr>
      <w:fldChar w:fldCharType="end"/>
    </w:r>
    <w:r w:rsidR="00775A94">
      <w:rPr>
        <w:rFonts w:cs="Arial"/>
        <w:sz w:val="16"/>
      </w:rPr>
      <w:t xml:space="preserve"> – Lawyer status and qualifications as at </w:t>
    </w:r>
    <w:r w:rsidR="00DB708B">
      <w:rPr>
        <w:rFonts w:cs="Arial"/>
        <w:sz w:val="16"/>
      </w:rPr>
      <w:t>07.01.2026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9129404" w14:textId="77777777" w:rsidR="00CD76D2" w:rsidRDefault="00CD76D2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61C7F258" w14:textId="77777777" w:rsidR="0007720A" w:rsidRDefault="0007720A" w:rsidP="00E50274">
      <w:pPr>
        <w:spacing w:after="0" w:line="240" w:lineRule="auto"/>
      </w:pPr>
      <w:r>
        <w:separator/>
      </w:r>
    </w:p>
  </w:footnote>
  <w:footnote w:type="continuationSeparator" w:id="0">
    <w:p w14:paraId="4316D871" w14:textId="77777777" w:rsidR="0007720A" w:rsidRDefault="0007720A" w:rsidP="00E50274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DAF859F" w14:textId="77777777" w:rsidR="00CD76D2" w:rsidRDefault="00CD76D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01B6D28" w14:textId="5D03D507" w:rsidR="009D3F05" w:rsidRDefault="000B3248" w:rsidP="00E579D9">
    <w:pPr>
      <w:pStyle w:val="Header"/>
      <w:ind w:hanging="709"/>
      <w:rPr>
        <w:noProof/>
        <w:lang w:eastAsia="en-GB"/>
      </w:rPr>
    </w:pPr>
    <w:r>
      <w:rPr>
        <w:noProof/>
      </w:rPr>
      <w:drawing>
        <wp:inline distT="0" distB="0" distL="0" distR="0" wp14:anchorId="77106606" wp14:editId="4B26F761">
          <wp:extent cx="1022400" cy="493200"/>
          <wp:effectExtent l="0" t="0" r="6350" b="2540"/>
          <wp:docPr id="1" name="Picture 1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022400" cy="4932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14:paraId="47377544" w14:textId="77777777" w:rsidR="00126725" w:rsidRDefault="00126725" w:rsidP="00E579D9">
    <w:pPr>
      <w:pStyle w:val="Header"/>
      <w:ind w:hanging="709"/>
      <w:rPr>
        <w:noProof/>
        <w:lang w:eastAsia="en-GB"/>
      </w:rPr>
    </w:pPr>
  </w:p>
  <w:p w14:paraId="063E35C8" w14:textId="77777777" w:rsidR="00126725" w:rsidRDefault="00126725" w:rsidP="00E579D9">
    <w:pPr>
      <w:pStyle w:val="Header"/>
      <w:ind w:hanging="709"/>
      <w:rPr>
        <w:noProof/>
        <w:lang w:eastAsia="en-GB"/>
      </w:rPr>
    </w:pPr>
  </w:p>
  <w:p w14:paraId="1BA1F501" w14:textId="77777777" w:rsidR="00126725" w:rsidRDefault="00126725" w:rsidP="00E579D9">
    <w:pPr>
      <w:pStyle w:val="Header"/>
      <w:ind w:hanging="709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4709769" w14:textId="77777777" w:rsidR="00CD76D2" w:rsidRDefault="00CD76D2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displayBackgroundShape/>
  <w:proofState w:spelling="clean" w:grammar="clean"/>
  <w:defaultTabStop w:val="720"/>
  <w:characterSpacingControl w:val="doNotCompress"/>
  <w:hdrShapeDefaults>
    <o:shapedefaults v:ext="edit" spidmax="12697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9B7988"/>
    <w:rsid w:val="00006046"/>
    <w:rsid w:val="00042B6C"/>
    <w:rsid w:val="000512F7"/>
    <w:rsid w:val="0007720A"/>
    <w:rsid w:val="000B3248"/>
    <w:rsid w:val="000B633F"/>
    <w:rsid w:val="000C455C"/>
    <w:rsid w:val="00112399"/>
    <w:rsid w:val="001221CF"/>
    <w:rsid w:val="00126725"/>
    <w:rsid w:val="00127B44"/>
    <w:rsid w:val="00142CAD"/>
    <w:rsid w:val="00162F2A"/>
    <w:rsid w:val="00173AE0"/>
    <w:rsid w:val="00173E0C"/>
    <w:rsid w:val="001A124A"/>
    <w:rsid w:val="001B7295"/>
    <w:rsid w:val="001C3B01"/>
    <w:rsid w:val="001D7A47"/>
    <w:rsid w:val="001F0D3C"/>
    <w:rsid w:val="001F5DFA"/>
    <w:rsid w:val="001F6BC3"/>
    <w:rsid w:val="00230EA0"/>
    <w:rsid w:val="00233814"/>
    <w:rsid w:val="00235998"/>
    <w:rsid w:val="00236296"/>
    <w:rsid w:val="00246AB4"/>
    <w:rsid w:val="002A2256"/>
    <w:rsid w:val="002B3E42"/>
    <w:rsid w:val="002B79E9"/>
    <w:rsid w:val="002D1C11"/>
    <w:rsid w:val="002E5B75"/>
    <w:rsid w:val="002F703A"/>
    <w:rsid w:val="003036CC"/>
    <w:rsid w:val="003379DF"/>
    <w:rsid w:val="003A1824"/>
    <w:rsid w:val="003C1437"/>
    <w:rsid w:val="00407014"/>
    <w:rsid w:val="00440F6E"/>
    <w:rsid w:val="004755FC"/>
    <w:rsid w:val="004845CA"/>
    <w:rsid w:val="00495C49"/>
    <w:rsid w:val="004B382C"/>
    <w:rsid w:val="004B3CC2"/>
    <w:rsid w:val="004C06BF"/>
    <w:rsid w:val="004C546B"/>
    <w:rsid w:val="004D07E2"/>
    <w:rsid w:val="004D408A"/>
    <w:rsid w:val="004E7AAE"/>
    <w:rsid w:val="00514363"/>
    <w:rsid w:val="00517F35"/>
    <w:rsid w:val="005A4C31"/>
    <w:rsid w:val="005B2DC8"/>
    <w:rsid w:val="005B72CC"/>
    <w:rsid w:val="005C064C"/>
    <w:rsid w:val="005C13C3"/>
    <w:rsid w:val="005D0E0B"/>
    <w:rsid w:val="005F0D46"/>
    <w:rsid w:val="005F1FE8"/>
    <w:rsid w:val="006112EC"/>
    <w:rsid w:val="00641922"/>
    <w:rsid w:val="00645391"/>
    <w:rsid w:val="006621B7"/>
    <w:rsid w:val="00683E26"/>
    <w:rsid w:val="0068594B"/>
    <w:rsid w:val="00686F85"/>
    <w:rsid w:val="00700F87"/>
    <w:rsid w:val="00736B9F"/>
    <w:rsid w:val="00744D11"/>
    <w:rsid w:val="00744F58"/>
    <w:rsid w:val="00775A94"/>
    <w:rsid w:val="0077773E"/>
    <w:rsid w:val="00786D40"/>
    <w:rsid w:val="00794097"/>
    <w:rsid w:val="00797514"/>
    <w:rsid w:val="007A3D87"/>
    <w:rsid w:val="007E3CAD"/>
    <w:rsid w:val="00804537"/>
    <w:rsid w:val="00804BFD"/>
    <w:rsid w:val="00806CD9"/>
    <w:rsid w:val="0082107E"/>
    <w:rsid w:val="00867F9E"/>
    <w:rsid w:val="00881C06"/>
    <w:rsid w:val="008B0EE3"/>
    <w:rsid w:val="009147F2"/>
    <w:rsid w:val="00914A8C"/>
    <w:rsid w:val="0094256D"/>
    <w:rsid w:val="00945AA6"/>
    <w:rsid w:val="00966B8F"/>
    <w:rsid w:val="009B7988"/>
    <w:rsid w:val="009C6A38"/>
    <w:rsid w:val="009D1A4D"/>
    <w:rsid w:val="009D3F05"/>
    <w:rsid w:val="009F4EB2"/>
    <w:rsid w:val="00A06403"/>
    <w:rsid w:val="00A3175D"/>
    <w:rsid w:val="00A413F0"/>
    <w:rsid w:val="00A621F5"/>
    <w:rsid w:val="00A66145"/>
    <w:rsid w:val="00A7213C"/>
    <w:rsid w:val="00A77EDA"/>
    <w:rsid w:val="00AA795F"/>
    <w:rsid w:val="00AD2B64"/>
    <w:rsid w:val="00AF7E3C"/>
    <w:rsid w:val="00B0360A"/>
    <w:rsid w:val="00B04D5F"/>
    <w:rsid w:val="00B14750"/>
    <w:rsid w:val="00B15521"/>
    <w:rsid w:val="00BA1EA8"/>
    <w:rsid w:val="00BB3AC0"/>
    <w:rsid w:val="00BC7A12"/>
    <w:rsid w:val="00BD3FAC"/>
    <w:rsid w:val="00BF7613"/>
    <w:rsid w:val="00C051F2"/>
    <w:rsid w:val="00C05426"/>
    <w:rsid w:val="00C26FCD"/>
    <w:rsid w:val="00C3710C"/>
    <w:rsid w:val="00C42BCE"/>
    <w:rsid w:val="00C54DA3"/>
    <w:rsid w:val="00C93158"/>
    <w:rsid w:val="00C933AC"/>
    <w:rsid w:val="00C95CB8"/>
    <w:rsid w:val="00CB2A42"/>
    <w:rsid w:val="00CB4C83"/>
    <w:rsid w:val="00CD76D2"/>
    <w:rsid w:val="00CE0A26"/>
    <w:rsid w:val="00CE3715"/>
    <w:rsid w:val="00D07F2A"/>
    <w:rsid w:val="00D36DFE"/>
    <w:rsid w:val="00D422EB"/>
    <w:rsid w:val="00D47E52"/>
    <w:rsid w:val="00D60FF8"/>
    <w:rsid w:val="00D80386"/>
    <w:rsid w:val="00D93D7A"/>
    <w:rsid w:val="00D9536E"/>
    <w:rsid w:val="00DA30F6"/>
    <w:rsid w:val="00DB708B"/>
    <w:rsid w:val="00DC2601"/>
    <w:rsid w:val="00DD1FC2"/>
    <w:rsid w:val="00DE266E"/>
    <w:rsid w:val="00DE6525"/>
    <w:rsid w:val="00E21E28"/>
    <w:rsid w:val="00E36C07"/>
    <w:rsid w:val="00E412BA"/>
    <w:rsid w:val="00E41426"/>
    <w:rsid w:val="00E44CE7"/>
    <w:rsid w:val="00E50274"/>
    <w:rsid w:val="00E5137B"/>
    <w:rsid w:val="00E579D9"/>
    <w:rsid w:val="00E656E7"/>
    <w:rsid w:val="00E72B10"/>
    <w:rsid w:val="00EB536A"/>
    <w:rsid w:val="00EE16E3"/>
    <w:rsid w:val="00EE7FC4"/>
    <w:rsid w:val="00F0294F"/>
    <w:rsid w:val="00F06C54"/>
    <w:rsid w:val="00F14120"/>
    <w:rsid w:val="00F207EB"/>
    <w:rsid w:val="00F27CFC"/>
    <w:rsid w:val="00F3138B"/>
    <w:rsid w:val="00F35677"/>
    <w:rsid w:val="00F4261C"/>
    <w:rsid w:val="00F54C13"/>
    <w:rsid w:val="00F64E34"/>
    <w:rsid w:val="00F71711"/>
    <w:rsid w:val="00F8540A"/>
    <w:rsid w:val="00FC52E6"/>
    <w:rsid w:val="00FC6E82"/>
    <w:rsid w:val="00FD1F6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26977"/>
    <o:shapelayout v:ext="edit">
      <o:idmap v:ext="edit" data="1"/>
    </o:shapelayout>
  </w:shapeDefaults>
  <w:decimalSymbol w:val="."/>
  <w:listSeparator w:val=","/>
  <w14:docId w14:val="62D6EBFD"/>
  <w15:chartTrackingRefBased/>
  <w15:docId w15:val="{1826D5E4-5E45-412D-9EF5-3144A2FA6D7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Arial" w:eastAsiaTheme="minorHAnsi" w:hAnsi="Arial" w:cstheme="minorBidi"/>
        <w:szCs w:val="22"/>
        <w:lang w:val="en-GB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table" w:styleId="TableGrid">
    <w:name w:val="Table Grid"/>
    <w:basedOn w:val="TableNormal"/>
    <w:uiPriority w:val="39"/>
    <w:rsid w:val="009B7988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unhideWhenUsed/>
    <w:rsid w:val="00E50274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E50274"/>
  </w:style>
  <w:style w:type="paragraph" w:styleId="Footer">
    <w:name w:val="footer"/>
    <w:basedOn w:val="Normal"/>
    <w:link w:val="FooterChar"/>
    <w:uiPriority w:val="99"/>
    <w:unhideWhenUsed/>
    <w:rsid w:val="00E50274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E50274"/>
  </w:style>
  <w:style w:type="paragraph" w:styleId="BalloonText">
    <w:name w:val="Balloon Text"/>
    <w:basedOn w:val="Normal"/>
    <w:link w:val="BalloonTextChar"/>
    <w:uiPriority w:val="99"/>
    <w:semiHidden/>
    <w:unhideWhenUsed/>
    <w:rsid w:val="004D408A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4D408A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relyOnVML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oter" Target="footer1.xml" Id="rId8" /><Relationship Type="http://schemas.openxmlformats.org/officeDocument/2006/relationships/theme" Target="theme/theme1.xml" Id="rId13" /><Relationship Type="http://schemas.openxmlformats.org/officeDocument/2006/relationships/webSettings" Target="webSettings.xml" Id="rId3" /><Relationship Type="http://schemas.openxmlformats.org/officeDocument/2006/relationships/header" Target="header2.xml" Id="rId7" /><Relationship Type="http://schemas.openxmlformats.org/officeDocument/2006/relationships/fontTable" Target="fontTable.xml" Id="rId12" /><Relationship Type="http://schemas.openxmlformats.org/officeDocument/2006/relationships/settings" Target="settings.xml" Id="rId2" /><Relationship Type="http://schemas.openxmlformats.org/officeDocument/2006/relationships/styles" Target="styles.xml" Id="rId1" /><Relationship Type="http://schemas.openxmlformats.org/officeDocument/2006/relationships/header" Target="header1.xml" Id="rId6" /><Relationship Type="http://schemas.openxmlformats.org/officeDocument/2006/relationships/footer" Target="footer3.xml" Id="rId11" /><Relationship Type="http://schemas.openxmlformats.org/officeDocument/2006/relationships/endnotes" Target="endnotes.xml" Id="rId5" /><Relationship Type="http://schemas.openxmlformats.org/officeDocument/2006/relationships/header" Target="header3.xml" Id="rId10" /><Relationship Type="http://schemas.openxmlformats.org/officeDocument/2006/relationships/footnotes" Target="footnotes.xml" Id="rId4" /><Relationship Type="http://schemas.openxmlformats.org/officeDocument/2006/relationships/footer" Target="footer2.xml" Id="rId9" /><Relationship Type="http://schemas.openxmlformats.org/officeDocument/2006/relationships/customXml" Target="/customXML/item.xml" Id="imanage.xml" 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.xml.rels>&#65279;<?xml version="1.0" encoding="utf-8"?><Relationships xmlns="http://schemas.openxmlformats.org/package/2006/relationships"><Relationship Type="http://schemas.openxmlformats.org/officeDocument/2006/relationships/customXmlProps" Target="/customXML/itemProps.xml" Id="iManageProps" /></Relationships>
</file>

<file path=customXML/item.xml><?xml version="1.0" encoding="utf-8"?>
<properties xmlns="http://www.imanage.com/work/xmlschema">
  <documentid>LONDOCS01!1935162.44</documentid>
  <senderid>EWHITE</senderid>
  <senderemail>EWHITE@BCL.COM</senderemail>
  <lastmodified>2026-01-07T10:00:00.0000000+00:00</lastmodified>
  <database>LONDOCS01</database>
</properties>
</file>

<file path=customXML/itemProps.xml><?xml version="1.0" encoding="utf-8"?>
<ds:datastoreItem xmlns:ds="http://schemas.openxmlformats.org/officeDocument/2006/customXml" ds:itemID="{D5B1A52E-D276-4470-8617-6B041ECA0171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6</TotalTime>
  <Pages>5</Pages>
  <Words>446</Words>
  <Characters>3064</Characters>
  <Application>Microsoft Office Word</Application>
  <DocSecurity>0</DocSecurity>
  <Lines>25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YSTEM</Company>
  <LinksUpToDate>false</LinksUpToDate>
  <CharactersWithSpaces>350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Hazel Smith</dc:creator>
  <cp:keywords>1935162_17</cp:keywords>
  <dc:description/>
  <cp:lastModifiedBy>Emma White</cp:lastModifiedBy>
  <cp:revision>6</cp:revision>
  <cp:lastPrinted>2024-09-22T21:36:00Z</cp:lastPrinted>
  <dcterms:created xsi:type="dcterms:W3CDTF">2026-01-07T00:21:00Z</dcterms:created>
  <dcterms:modified xsi:type="dcterms:W3CDTF">2026-01-07T10:0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935162v44</vt:lpwstr>
  </property>
</Properties>
</file>